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6_松田町\"/>
    </mc:Choice>
  </mc:AlternateContent>
  <workbookProtection workbookAlgorithmName="SHA-512" workbookHashValue="xgPlCACtZau7GL9EHHpg45HIkQzwGFfQRKQodZJBqWGntMiWLHWFO8JE72afjjXCTfDglQugDsgmDth/eG0YxQ==" workbookSaltValue="MTw92miJXdoia/uiap8B5g==" workbookSpinCount="100000" lockStructure="1"/>
  <bookViews>
    <workbookView xWindow="-120" yWindow="-120" windowWidth="20736" windowHeight="1116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H85" i="4" s="1"/>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BB10" i="4" s="1"/>
  <c r="V6" i="5"/>
  <c r="U6" i="5"/>
  <c r="T6" i="5"/>
  <c r="S6" i="5"/>
  <c r="AT8" i="4" s="1"/>
  <c r="R6" i="5"/>
  <c r="Q6" i="5"/>
  <c r="P6" i="5"/>
  <c r="P10" i="4" s="1"/>
  <c r="O6" i="5"/>
  <c r="I10" i="4" s="1"/>
  <c r="N6" i="5"/>
  <c r="B10" i="4" s="1"/>
  <c r="M6" i="5"/>
  <c r="L6" i="5"/>
  <c r="K6" i="5"/>
  <c r="P8" i="4" s="1"/>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J85" i="4"/>
  <c r="F85" i="4"/>
  <c r="AT10" i="4"/>
  <c r="AL10" i="4"/>
  <c r="W10" i="4"/>
  <c r="BB8" i="4"/>
  <c r="AL8" i="4"/>
  <c r="AD8" i="4"/>
  <c r="W8" i="4"/>
  <c r="B8" i="4"/>
  <c r="B6" i="4"/>
</calcChain>
</file>

<file path=xl/sharedStrings.xml><?xml version="1.0" encoding="utf-8"?>
<sst xmlns="http://schemas.openxmlformats.org/spreadsheetml/2006/main" count="228" uniqueCount="113">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有形固定資産減価償却率は平均値より高く、管路経年比率は下回っています。これは、施設老朽化の大部分を管路以外の固定資産が占め、管路に関しては法定耐用年数内のものが大部分を占めていると考えることができます。従って、費用や更新計画の面からも、重要管路の耐震化を優先的に行い、残りの管路は更新に合わせ耐震化するなどの場合分けや優先度の判断をしていきます。</t>
    <rPh sb="102" eb="103">
      <t>シタガ</t>
    </rPh>
    <rPh sb="106" eb="108">
      <t>ヒヨウ</t>
    </rPh>
    <rPh sb="109" eb="111">
      <t>コウシン</t>
    </rPh>
    <rPh sb="111" eb="113">
      <t>ケイカク</t>
    </rPh>
    <rPh sb="114" eb="115">
      <t>メン</t>
    </rPh>
    <rPh sb="119" eb="121">
      <t>ジュウヨウ</t>
    </rPh>
    <rPh sb="121" eb="123">
      <t>カンロ</t>
    </rPh>
    <rPh sb="124" eb="127">
      <t>タイシンカ</t>
    </rPh>
    <rPh sb="128" eb="131">
      <t>ユウセンテキ</t>
    </rPh>
    <rPh sb="132" eb="133">
      <t>オコナ</t>
    </rPh>
    <rPh sb="135" eb="136">
      <t>ノコ</t>
    </rPh>
    <rPh sb="138" eb="140">
      <t>カンロ</t>
    </rPh>
    <rPh sb="141" eb="143">
      <t>コウシン</t>
    </rPh>
    <rPh sb="144" eb="145">
      <t>ア</t>
    </rPh>
    <rPh sb="147" eb="150">
      <t>タイシンカ</t>
    </rPh>
    <rPh sb="155" eb="157">
      <t>バアイ</t>
    </rPh>
    <rPh sb="157" eb="158">
      <t>ワ</t>
    </rPh>
    <rPh sb="160" eb="163">
      <t>ユウセンド</t>
    </rPh>
    <rPh sb="164" eb="166">
      <t>ハンダン</t>
    </rPh>
    <phoneticPr fontId="4"/>
  </si>
  <si>
    <t>　当町の有収率は、89.34％であり、収益に直結しない無収水率は10.66％ほどです。無収水率を減少させるために、定期的なスパンでの漏水調査をおこなうことで費用面での削減を行います。また、管路の経年化や施設の老朽化、重要管路の更新などの建設改良を控えていることから、水道料金の見直しを行い、経常収益の安定化を目指します。</t>
    <rPh sb="1" eb="3">
      <t>トウチョウ</t>
    </rPh>
    <rPh sb="4" eb="7">
      <t>ユウシュウリツ</t>
    </rPh>
    <rPh sb="19" eb="21">
      <t>シュウエキ</t>
    </rPh>
    <rPh sb="22" eb="24">
      <t>チョッケツ</t>
    </rPh>
    <rPh sb="27" eb="28">
      <t>ム</t>
    </rPh>
    <rPh sb="28" eb="29">
      <t>オサム</t>
    </rPh>
    <rPh sb="29" eb="30">
      <t>スイ</t>
    </rPh>
    <rPh sb="30" eb="31">
      <t>リツ</t>
    </rPh>
    <rPh sb="43" eb="44">
      <t>ム</t>
    </rPh>
    <rPh sb="44" eb="45">
      <t>シュウ</t>
    </rPh>
    <rPh sb="45" eb="46">
      <t>スイ</t>
    </rPh>
    <rPh sb="46" eb="47">
      <t>リツ</t>
    </rPh>
    <rPh sb="48" eb="50">
      <t>ゲンショウ</t>
    </rPh>
    <rPh sb="57" eb="60">
      <t>テイキテキ</t>
    </rPh>
    <rPh sb="66" eb="68">
      <t>ロウスイ</t>
    </rPh>
    <rPh sb="68" eb="70">
      <t>チョウサ</t>
    </rPh>
    <rPh sb="78" eb="80">
      <t>ヒヨウ</t>
    </rPh>
    <rPh sb="80" eb="81">
      <t>メン</t>
    </rPh>
    <rPh sb="83" eb="85">
      <t>サクゲン</t>
    </rPh>
    <rPh sb="86" eb="87">
      <t>オコナ</t>
    </rPh>
    <rPh sb="94" eb="96">
      <t>カンロ</t>
    </rPh>
    <rPh sb="97" eb="100">
      <t>ケイネンカ</t>
    </rPh>
    <rPh sb="101" eb="103">
      <t>シセツ</t>
    </rPh>
    <rPh sb="104" eb="107">
      <t>ロウキュウカ</t>
    </rPh>
    <rPh sb="108" eb="110">
      <t>ジュウヨウ</t>
    </rPh>
    <rPh sb="110" eb="112">
      <t>カンロ</t>
    </rPh>
    <rPh sb="113" eb="115">
      <t>コウシン</t>
    </rPh>
    <rPh sb="118" eb="120">
      <t>ケンセツ</t>
    </rPh>
    <rPh sb="120" eb="122">
      <t>カイリョウ</t>
    </rPh>
    <rPh sb="123" eb="124">
      <t>ヒカ</t>
    </rPh>
    <rPh sb="133" eb="135">
      <t>スイドウ</t>
    </rPh>
    <rPh sb="135" eb="137">
      <t>リョウキン</t>
    </rPh>
    <rPh sb="138" eb="140">
      <t>ミナオ</t>
    </rPh>
    <rPh sb="142" eb="143">
      <t>オコナ</t>
    </rPh>
    <rPh sb="145" eb="147">
      <t>ケイジョウ</t>
    </rPh>
    <rPh sb="147" eb="149">
      <t>シュウエキ</t>
    </rPh>
    <rPh sb="150" eb="153">
      <t>アンテイカ</t>
    </rPh>
    <rPh sb="154" eb="156">
      <t>メザ</t>
    </rPh>
    <phoneticPr fontId="4"/>
  </si>
  <si>
    <t>　経常収支比率100％以上、累積欠損金比率０％、流動比率100％以上であり、企業債残高対給水収益比率は平均値を下回っている状況です。料金回収率に関しては100％をわずかに下回っていますが、直近５年間では平均値を上回っています。施設利用率が類似団体よりも低いことや給水収益が減少傾向にあることから給水量が少ないことがわかり、水道水の利活用促進を行っていく必要があると考えます。また、給水収益の減少傾向を加入負担金で補っている側面があり、新規加入者の確保という不確定要素に依存しない経営を目指す必要があります。</t>
    <rPh sb="1" eb="3">
      <t>ケイジョウ</t>
    </rPh>
    <rPh sb="3" eb="5">
      <t>シュウシ</t>
    </rPh>
    <rPh sb="5" eb="7">
      <t>ヒリツ</t>
    </rPh>
    <rPh sb="11" eb="13">
      <t>イジョウ</t>
    </rPh>
    <rPh sb="14" eb="16">
      <t>ルイセキ</t>
    </rPh>
    <rPh sb="16" eb="18">
      <t>ケッソン</t>
    </rPh>
    <rPh sb="18" eb="19">
      <t>キン</t>
    </rPh>
    <rPh sb="19" eb="21">
      <t>ヒリツ</t>
    </rPh>
    <rPh sb="24" eb="26">
      <t>リュウドウ</t>
    </rPh>
    <rPh sb="26" eb="28">
      <t>ヒリツ</t>
    </rPh>
    <rPh sb="32" eb="34">
      <t>イジョウ</t>
    </rPh>
    <rPh sb="38" eb="40">
      <t>キギョウ</t>
    </rPh>
    <rPh sb="40" eb="41">
      <t>サイ</t>
    </rPh>
    <rPh sb="41" eb="43">
      <t>ザンダカ</t>
    </rPh>
    <rPh sb="43" eb="44">
      <t>タイ</t>
    </rPh>
    <rPh sb="44" eb="46">
      <t>キュウスイ</t>
    </rPh>
    <rPh sb="46" eb="48">
      <t>シュウエキ</t>
    </rPh>
    <rPh sb="48" eb="50">
      <t>ヒリツ</t>
    </rPh>
    <rPh sb="51" eb="54">
      <t>ヘイキンチ</t>
    </rPh>
    <rPh sb="55" eb="57">
      <t>シタカイ</t>
    </rPh>
    <rPh sb="61" eb="63">
      <t>ジョウキョウ</t>
    </rPh>
    <rPh sb="66" eb="68">
      <t>リョウキン</t>
    </rPh>
    <rPh sb="68" eb="70">
      <t>カイシュウ</t>
    </rPh>
    <rPh sb="70" eb="71">
      <t>リツ</t>
    </rPh>
    <rPh sb="72" eb="73">
      <t>カン</t>
    </rPh>
    <rPh sb="85" eb="87">
      <t>シタマワ</t>
    </rPh>
    <rPh sb="94" eb="96">
      <t>チョッキン</t>
    </rPh>
    <rPh sb="97" eb="99">
      <t>ネンカン</t>
    </rPh>
    <rPh sb="101" eb="104">
      <t>ヘイキンチ</t>
    </rPh>
    <rPh sb="105" eb="107">
      <t>ウワマワ</t>
    </rPh>
    <rPh sb="113" eb="115">
      <t>シセツ</t>
    </rPh>
    <rPh sb="115" eb="117">
      <t>リヨウ</t>
    </rPh>
    <rPh sb="117" eb="118">
      <t>リツ</t>
    </rPh>
    <rPh sb="119" eb="121">
      <t>ルイジ</t>
    </rPh>
    <rPh sb="121" eb="123">
      <t>ダンタイ</t>
    </rPh>
    <rPh sb="126" eb="127">
      <t>ヒク</t>
    </rPh>
    <rPh sb="131" eb="133">
      <t>キュウスイ</t>
    </rPh>
    <rPh sb="133" eb="135">
      <t>シュウエキ</t>
    </rPh>
    <rPh sb="136" eb="138">
      <t>ゲンショウ</t>
    </rPh>
    <rPh sb="138" eb="140">
      <t>ケイコウ</t>
    </rPh>
    <rPh sb="147" eb="149">
      <t>キュウスイ</t>
    </rPh>
    <rPh sb="149" eb="150">
      <t>リョウ</t>
    </rPh>
    <rPh sb="151" eb="152">
      <t>スク</t>
    </rPh>
    <rPh sb="161" eb="164">
      <t>スイドウスイ</t>
    </rPh>
    <rPh sb="165" eb="168">
      <t>リカツヨウ</t>
    </rPh>
    <rPh sb="168" eb="170">
      <t>ソクシン</t>
    </rPh>
    <rPh sb="171" eb="172">
      <t>オコナ</t>
    </rPh>
    <rPh sb="176" eb="178">
      <t>ヒツヨウ</t>
    </rPh>
    <rPh sb="182" eb="183">
      <t>カンガ</t>
    </rPh>
    <rPh sb="190" eb="192">
      <t>キュウスイ</t>
    </rPh>
    <rPh sb="192" eb="194">
      <t>シュウエキ</t>
    </rPh>
    <rPh sb="195" eb="197">
      <t>ゲンショウ</t>
    </rPh>
    <rPh sb="197" eb="199">
      <t>ケイコウ</t>
    </rPh>
    <rPh sb="200" eb="202">
      <t>カニュウ</t>
    </rPh>
    <rPh sb="202" eb="205">
      <t>フタンキン</t>
    </rPh>
    <rPh sb="206" eb="207">
      <t>オギナ</t>
    </rPh>
    <rPh sb="211" eb="213">
      <t>ソクメン</t>
    </rPh>
    <rPh sb="217" eb="219">
      <t>シンキ</t>
    </rPh>
    <rPh sb="219" eb="221">
      <t>カニュウ</t>
    </rPh>
    <rPh sb="221" eb="222">
      <t>シャ</t>
    </rPh>
    <rPh sb="223" eb="225">
      <t>カクホ</t>
    </rPh>
    <rPh sb="228" eb="231">
      <t>フカクテイ</t>
    </rPh>
    <rPh sb="231" eb="233">
      <t>ヨウソ</t>
    </rPh>
    <rPh sb="234" eb="236">
      <t>イゾン</t>
    </rPh>
    <rPh sb="239" eb="241">
      <t>ケイエイ</t>
    </rPh>
    <rPh sb="242" eb="244">
      <t>メザ</t>
    </rPh>
    <rPh sb="245" eb="247">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18</c:v>
                </c:pt>
                <c:pt idx="1">
                  <c:v>0.32</c:v>
                </c:pt>
                <c:pt idx="2">
                  <c:v>0.36</c:v>
                </c:pt>
                <c:pt idx="3">
                  <c:v>0.27</c:v>
                </c:pt>
                <c:pt idx="4">
                  <c:v>0.11</c:v>
                </c:pt>
              </c:numCache>
            </c:numRef>
          </c:val>
          <c:extLst xmlns:c16r2="http://schemas.microsoft.com/office/drawing/2015/06/chart">
            <c:ext xmlns:c16="http://schemas.microsoft.com/office/drawing/2014/chart" uri="{C3380CC4-5D6E-409C-BE32-E72D297353CC}">
              <c16:uniqueId val="{00000000-CF05-44D4-8EF7-E38200F64E9B}"/>
            </c:ext>
          </c:extLst>
        </c:ser>
        <c:dLbls>
          <c:showLegendKey val="0"/>
          <c:showVal val="0"/>
          <c:showCatName val="0"/>
          <c:showSerName val="0"/>
          <c:showPercent val="0"/>
          <c:showBubbleSize val="0"/>
        </c:dLbls>
        <c:gapWidth val="150"/>
        <c:axId val="438128592"/>
        <c:axId val="438130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5</c:v>
                </c:pt>
                <c:pt idx="1">
                  <c:v>0.46</c:v>
                </c:pt>
                <c:pt idx="2">
                  <c:v>0.44</c:v>
                </c:pt>
                <c:pt idx="3">
                  <c:v>0.52</c:v>
                </c:pt>
                <c:pt idx="4">
                  <c:v>0.47</c:v>
                </c:pt>
              </c:numCache>
            </c:numRef>
          </c:val>
          <c:smooth val="0"/>
          <c:extLst xmlns:c16r2="http://schemas.microsoft.com/office/drawing/2015/06/chart">
            <c:ext xmlns:c16="http://schemas.microsoft.com/office/drawing/2014/chart" uri="{C3380CC4-5D6E-409C-BE32-E72D297353CC}">
              <c16:uniqueId val="{00000001-CF05-44D4-8EF7-E38200F64E9B}"/>
            </c:ext>
          </c:extLst>
        </c:ser>
        <c:dLbls>
          <c:showLegendKey val="0"/>
          <c:showVal val="0"/>
          <c:showCatName val="0"/>
          <c:showSerName val="0"/>
          <c:showPercent val="0"/>
          <c:showBubbleSize val="0"/>
        </c:dLbls>
        <c:marker val="1"/>
        <c:smooth val="0"/>
        <c:axId val="438128592"/>
        <c:axId val="438130160"/>
      </c:lineChart>
      <c:dateAx>
        <c:axId val="438128592"/>
        <c:scaling>
          <c:orientation val="minMax"/>
        </c:scaling>
        <c:delete val="1"/>
        <c:axPos val="b"/>
        <c:numFmt formatCode="&quot;H&quot;yy" sourceLinked="1"/>
        <c:majorTickMark val="none"/>
        <c:minorTickMark val="none"/>
        <c:tickLblPos val="none"/>
        <c:crossAx val="438130160"/>
        <c:crosses val="autoZero"/>
        <c:auto val="1"/>
        <c:lblOffset val="100"/>
        <c:baseTimeUnit val="years"/>
      </c:dateAx>
      <c:valAx>
        <c:axId val="438130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38128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44.61</c:v>
                </c:pt>
                <c:pt idx="1">
                  <c:v>44.54</c:v>
                </c:pt>
                <c:pt idx="2">
                  <c:v>44.35</c:v>
                </c:pt>
                <c:pt idx="3">
                  <c:v>44.24</c:v>
                </c:pt>
                <c:pt idx="4">
                  <c:v>43.41</c:v>
                </c:pt>
              </c:numCache>
            </c:numRef>
          </c:val>
          <c:extLst xmlns:c16r2="http://schemas.microsoft.com/office/drawing/2015/06/chart">
            <c:ext xmlns:c16="http://schemas.microsoft.com/office/drawing/2014/chart" uri="{C3380CC4-5D6E-409C-BE32-E72D297353CC}">
              <c16:uniqueId val="{00000000-E28E-438F-BC36-80564F132EB2}"/>
            </c:ext>
          </c:extLst>
        </c:ser>
        <c:dLbls>
          <c:showLegendKey val="0"/>
          <c:showVal val="0"/>
          <c:showCatName val="0"/>
          <c:showSerName val="0"/>
          <c:showPercent val="0"/>
          <c:showBubbleSize val="0"/>
        </c:dLbls>
        <c:gapWidth val="150"/>
        <c:axId val="484846640"/>
        <c:axId val="484848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9.08</c:v>
                </c:pt>
                <c:pt idx="1">
                  <c:v>49.32</c:v>
                </c:pt>
                <c:pt idx="2">
                  <c:v>50.24</c:v>
                </c:pt>
                <c:pt idx="3">
                  <c:v>50.29</c:v>
                </c:pt>
                <c:pt idx="4">
                  <c:v>49.64</c:v>
                </c:pt>
              </c:numCache>
            </c:numRef>
          </c:val>
          <c:smooth val="0"/>
          <c:extLst xmlns:c16r2="http://schemas.microsoft.com/office/drawing/2015/06/chart">
            <c:ext xmlns:c16="http://schemas.microsoft.com/office/drawing/2014/chart" uri="{C3380CC4-5D6E-409C-BE32-E72D297353CC}">
              <c16:uniqueId val="{00000001-E28E-438F-BC36-80564F132EB2}"/>
            </c:ext>
          </c:extLst>
        </c:ser>
        <c:dLbls>
          <c:showLegendKey val="0"/>
          <c:showVal val="0"/>
          <c:showCatName val="0"/>
          <c:showSerName val="0"/>
          <c:showPercent val="0"/>
          <c:showBubbleSize val="0"/>
        </c:dLbls>
        <c:marker val="1"/>
        <c:smooth val="0"/>
        <c:axId val="484846640"/>
        <c:axId val="484848600"/>
      </c:lineChart>
      <c:dateAx>
        <c:axId val="484846640"/>
        <c:scaling>
          <c:orientation val="minMax"/>
        </c:scaling>
        <c:delete val="1"/>
        <c:axPos val="b"/>
        <c:numFmt formatCode="&quot;H&quot;yy" sourceLinked="1"/>
        <c:majorTickMark val="none"/>
        <c:minorTickMark val="none"/>
        <c:tickLblPos val="none"/>
        <c:crossAx val="484848600"/>
        <c:crosses val="autoZero"/>
        <c:auto val="1"/>
        <c:lblOffset val="100"/>
        <c:baseTimeUnit val="years"/>
      </c:dateAx>
      <c:valAx>
        <c:axId val="484848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846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0</c:v>
                </c:pt>
                <c:pt idx="1">
                  <c:v>89.34</c:v>
                </c:pt>
                <c:pt idx="2">
                  <c:v>89.34</c:v>
                </c:pt>
                <c:pt idx="3">
                  <c:v>89.34</c:v>
                </c:pt>
                <c:pt idx="4">
                  <c:v>89.34</c:v>
                </c:pt>
              </c:numCache>
            </c:numRef>
          </c:val>
          <c:extLst xmlns:c16r2="http://schemas.microsoft.com/office/drawing/2015/06/chart">
            <c:ext xmlns:c16="http://schemas.microsoft.com/office/drawing/2014/chart" uri="{C3380CC4-5D6E-409C-BE32-E72D297353CC}">
              <c16:uniqueId val="{00000000-CD0C-4101-B19F-AC44AB4BCBC2}"/>
            </c:ext>
          </c:extLst>
        </c:ser>
        <c:dLbls>
          <c:showLegendKey val="0"/>
          <c:showVal val="0"/>
          <c:showCatName val="0"/>
          <c:showSerName val="0"/>
          <c:showPercent val="0"/>
          <c:showBubbleSize val="0"/>
        </c:dLbls>
        <c:gapWidth val="150"/>
        <c:axId val="484847816"/>
        <c:axId val="48484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9.3</c:v>
                </c:pt>
                <c:pt idx="1">
                  <c:v>79.34</c:v>
                </c:pt>
                <c:pt idx="2">
                  <c:v>78.650000000000006</c:v>
                </c:pt>
                <c:pt idx="3">
                  <c:v>77.73</c:v>
                </c:pt>
                <c:pt idx="4">
                  <c:v>78.09</c:v>
                </c:pt>
              </c:numCache>
            </c:numRef>
          </c:val>
          <c:smooth val="0"/>
          <c:extLst xmlns:c16r2="http://schemas.microsoft.com/office/drawing/2015/06/chart">
            <c:ext xmlns:c16="http://schemas.microsoft.com/office/drawing/2014/chart" uri="{C3380CC4-5D6E-409C-BE32-E72D297353CC}">
              <c16:uniqueId val="{00000001-CD0C-4101-B19F-AC44AB4BCBC2}"/>
            </c:ext>
          </c:extLst>
        </c:ser>
        <c:dLbls>
          <c:showLegendKey val="0"/>
          <c:showVal val="0"/>
          <c:showCatName val="0"/>
          <c:showSerName val="0"/>
          <c:showPercent val="0"/>
          <c:showBubbleSize val="0"/>
        </c:dLbls>
        <c:marker val="1"/>
        <c:smooth val="0"/>
        <c:axId val="484847816"/>
        <c:axId val="484849776"/>
      </c:lineChart>
      <c:dateAx>
        <c:axId val="484847816"/>
        <c:scaling>
          <c:orientation val="minMax"/>
        </c:scaling>
        <c:delete val="1"/>
        <c:axPos val="b"/>
        <c:numFmt formatCode="&quot;H&quot;yy" sourceLinked="1"/>
        <c:majorTickMark val="none"/>
        <c:minorTickMark val="none"/>
        <c:tickLblPos val="none"/>
        <c:crossAx val="484849776"/>
        <c:crosses val="autoZero"/>
        <c:auto val="1"/>
        <c:lblOffset val="100"/>
        <c:baseTimeUnit val="years"/>
      </c:dateAx>
      <c:valAx>
        <c:axId val="48484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8478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5.23</c:v>
                </c:pt>
                <c:pt idx="1">
                  <c:v>126.76</c:v>
                </c:pt>
                <c:pt idx="2">
                  <c:v>119.02</c:v>
                </c:pt>
                <c:pt idx="3">
                  <c:v>120.22</c:v>
                </c:pt>
                <c:pt idx="4">
                  <c:v>110.81</c:v>
                </c:pt>
              </c:numCache>
            </c:numRef>
          </c:val>
          <c:extLst xmlns:c16r2="http://schemas.microsoft.com/office/drawing/2015/06/chart">
            <c:ext xmlns:c16="http://schemas.microsoft.com/office/drawing/2014/chart" uri="{C3380CC4-5D6E-409C-BE32-E72D297353CC}">
              <c16:uniqueId val="{00000000-2AC6-4EAB-AD5F-0F39DF16BE9C}"/>
            </c:ext>
          </c:extLst>
        </c:ser>
        <c:dLbls>
          <c:showLegendKey val="0"/>
          <c:showVal val="0"/>
          <c:showCatName val="0"/>
          <c:showSerName val="0"/>
          <c:showPercent val="0"/>
          <c:showBubbleSize val="0"/>
        </c:dLbls>
        <c:gapWidth val="150"/>
        <c:axId val="438128984"/>
        <c:axId val="437721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6.62</c:v>
                </c:pt>
                <c:pt idx="1">
                  <c:v>107.95</c:v>
                </c:pt>
                <c:pt idx="2">
                  <c:v>104.47</c:v>
                </c:pt>
                <c:pt idx="3">
                  <c:v>103.81</c:v>
                </c:pt>
                <c:pt idx="4">
                  <c:v>104.35</c:v>
                </c:pt>
              </c:numCache>
            </c:numRef>
          </c:val>
          <c:smooth val="0"/>
          <c:extLst xmlns:c16r2="http://schemas.microsoft.com/office/drawing/2015/06/chart">
            <c:ext xmlns:c16="http://schemas.microsoft.com/office/drawing/2014/chart" uri="{C3380CC4-5D6E-409C-BE32-E72D297353CC}">
              <c16:uniqueId val="{00000001-2AC6-4EAB-AD5F-0F39DF16BE9C}"/>
            </c:ext>
          </c:extLst>
        </c:ser>
        <c:dLbls>
          <c:showLegendKey val="0"/>
          <c:showVal val="0"/>
          <c:showCatName val="0"/>
          <c:showSerName val="0"/>
          <c:showPercent val="0"/>
          <c:showBubbleSize val="0"/>
        </c:dLbls>
        <c:marker val="1"/>
        <c:smooth val="0"/>
        <c:axId val="438128984"/>
        <c:axId val="437721528"/>
      </c:lineChart>
      <c:dateAx>
        <c:axId val="438128984"/>
        <c:scaling>
          <c:orientation val="minMax"/>
        </c:scaling>
        <c:delete val="1"/>
        <c:axPos val="b"/>
        <c:numFmt formatCode="&quot;H&quot;yy" sourceLinked="1"/>
        <c:majorTickMark val="none"/>
        <c:minorTickMark val="none"/>
        <c:tickLblPos val="none"/>
        <c:crossAx val="437721528"/>
        <c:crosses val="autoZero"/>
        <c:auto val="1"/>
        <c:lblOffset val="100"/>
        <c:baseTimeUnit val="years"/>
      </c:dateAx>
      <c:valAx>
        <c:axId val="43772152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38128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51.25</c:v>
                </c:pt>
                <c:pt idx="1">
                  <c:v>52.49</c:v>
                </c:pt>
                <c:pt idx="2">
                  <c:v>4.75</c:v>
                </c:pt>
                <c:pt idx="3">
                  <c:v>54.33</c:v>
                </c:pt>
                <c:pt idx="4">
                  <c:v>55.05</c:v>
                </c:pt>
              </c:numCache>
            </c:numRef>
          </c:val>
          <c:extLst xmlns:c16r2="http://schemas.microsoft.com/office/drawing/2015/06/chart">
            <c:ext xmlns:c16="http://schemas.microsoft.com/office/drawing/2014/chart" uri="{C3380CC4-5D6E-409C-BE32-E72D297353CC}">
              <c16:uniqueId val="{00000000-1F76-41CA-8EAF-F4AB8890C5EE}"/>
            </c:ext>
          </c:extLst>
        </c:ser>
        <c:dLbls>
          <c:showLegendKey val="0"/>
          <c:showVal val="0"/>
          <c:showCatName val="0"/>
          <c:showSerName val="0"/>
          <c:showPercent val="0"/>
          <c:showBubbleSize val="0"/>
        </c:dLbls>
        <c:gapWidth val="150"/>
        <c:axId val="484214696"/>
        <c:axId val="484217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44</c:v>
                </c:pt>
                <c:pt idx="1">
                  <c:v>48.3</c:v>
                </c:pt>
                <c:pt idx="2">
                  <c:v>45.14</c:v>
                </c:pt>
                <c:pt idx="3">
                  <c:v>45.85</c:v>
                </c:pt>
                <c:pt idx="4">
                  <c:v>47.31</c:v>
                </c:pt>
              </c:numCache>
            </c:numRef>
          </c:val>
          <c:smooth val="0"/>
          <c:extLst xmlns:c16r2="http://schemas.microsoft.com/office/drawing/2015/06/chart">
            <c:ext xmlns:c16="http://schemas.microsoft.com/office/drawing/2014/chart" uri="{C3380CC4-5D6E-409C-BE32-E72D297353CC}">
              <c16:uniqueId val="{00000001-1F76-41CA-8EAF-F4AB8890C5EE}"/>
            </c:ext>
          </c:extLst>
        </c:ser>
        <c:dLbls>
          <c:showLegendKey val="0"/>
          <c:showVal val="0"/>
          <c:showCatName val="0"/>
          <c:showSerName val="0"/>
          <c:showPercent val="0"/>
          <c:showBubbleSize val="0"/>
        </c:dLbls>
        <c:marker val="1"/>
        <c:smooth val="0"/>
        <c:axId val="484214696"/>
        <c:axId val="484217440"/>
      </c:lineChart>
      <c:dateAx>
        <c:axId val="484214696"/>
        <c:scaling>
          <c:orientation val="minMax"/>
        </c:scaling>
        <c:delete val="1"/>
        <c:axPos val="b"/>
        <c:numFmt formatCode="&quot;H&quot;yy" sourceLinked="1"/>
        <c:majorTickMark val="none"/>
        <c:minorTickMark val="none"/>
        <c:tickLblPos val="none"/>
        <c:crossAx val="484217440"/>
        <c:crosses val="autoZero"/>
        <c:auto val="1"/>
        <c:lblOffset val="100"/>
        <c:baseTimeUnit val="years"/>
      </c:dateAx>
      <c:valAx>
        <c:axId val="484217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214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5A0-41C5-BB85-2BF79C3B6DDB}"/>
            </c:ext>
          </c:extLst>
        </c:ser>
        <c:dLbls>
          <c:showLegendKey val="0"/>
          <c:showVal val="0"/>
          <c:showCatName val="0"/>
          <c:showSerName val="0"/>
          <c:showPercent val="0"/>
          <c:showBubbleSize val="0"/>
        </c:dLbls>
        <c:gapWidth val="150"/>
        <c:axId val="484220184"/>
        <c:axId val="4842127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1.16</c:v>
                </c:pt>
                <c:pt idx="1">
                  <c:v>12.43</c:v>
                </c:pt>
                <c:pt idx="2">
                  <c:v>13.58</c:v>
                </c:pt>
                <c:pt idx="3">
                  <c:v>14.13</c:v>
                </c:pt>
                <c:pt idx="4">
                  <c:v>16.77</c:v>
                </c:pt>
              </c:numCache>
            </c:numRef>
          </c:val>
          <c:smooth val="0"/>
          <c:extLst xmlns:c16r2="http://schemas.microsoft.com/office/drawing/2015/06/chart">
            <c:ext xmlns:c16="http://schemas.microsoft.com/office/drawing/2014/chart" uri="{C3380CC4-5D6E-409C-BE32-E72D297353CC}">
              <c16:uniqueId val="{00000001-55A0-41C5-BB85-2BF79C3B6DDB}"/>
            </c:ext>
          </c:extLst>
        </c:ser>
        <c:dLbls>
          <c:showLegendKey val="0"/>
          <c:showVal val="0"/>
          <c:showCatName val="0"/>
          <c:showSerName val="0"/>
          <c:showPercent val="0"/>
          <c:showBubbleSize val="0"/>
        </c:dLbls>
        <c:marker val="1"/>
        <c:smooth val="0"/>
        <c:axId val="484220184"/>
        <c:axId val="484212736"/>
      </c:lineChart>
      <c:dateAx>
        <c:axId val="484220184"/>
        <c:scaling>
          <c:orientation val="minMax"/>
        </c:scaling>
        <c:delete val="1"/>
        <c:axPos val="b"/>
        <c:numFmt formatCode="&quot;H&quot;yy" sourceLinked="1"/>
        <c:majorTickMark val="none"/>
        <c:minorTickMark val="none"/>
        <c:tickLblPos val="none"/>
        <c:crossAx val="484212736"/>
        <c:crosses val="autoZero"/>
        <c:auto val="1"/>
        <c:lblOffset val="100"/>
        <c:baseTimeUnit val="years"/>
      </c:dateAx>
      <c:valAx>
        <c:axId val="484212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220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ED9-4C1D-B51E-6AC251846FAD}"/>
            </c:ext>
          </c:extLst>
        </c:ser>
        <c:dLbls>
          <c:showLegendKey val="0"/>
          <c:showVal val="0"/>
          <c:showCatName val="0"/>
          <c:showSerName val="0"/>
          <c:showPercent val="0"/>
          <c:showBubbleSize val="0"/>
        </c:dLbls>
        <c:gapWidth val="150"/>
        <c:axId val="484214304"/>
        <c:axId val="484215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2.59</c:v>
                </c:pt>
                <c:pt idx="1">
                  <c:v>12.44</c:v>
                </c:pt>
                <c:pt idx="2">
                  <c:v>16.399999999999999</c:v>
                </c:pt>
                <c:pt idx="3">
                  <c:v>25.66</c:v>
                </c:pt>
                <c:pt idx="4">
                  <c:v>21.69</c:v>
                </c:pt>
              </c:numCache>
            </c:numRef>
          </c:val>
          <c:smooth val="0"/>
          <c:extLst xmlns:c16r2="http://schemas.microsoft.com/office/drawing/2015/06/chart">
            <c:ext xmlns:c16="http://schemas.microsoft.com/office/drawing/2014/chart" uri="{C3380CC4-5D6E-409C-BE32-E72D297353CC}">
              <c16:uniqueId val="{00000001-8ED9-4C1D-B51E-6AC251846FAD}"/>
            </c:ext>
          </c:extLst>
        </c:ser>
        <c:dLbls>
          <c:showLegendKey val="0"/>
          <c:showVal val="0"/>
          <c:showCatName val="0"/>
          <c:showSerName val="0"/>
          <c:showPercent val="0"/>
          <c:showBubbleSize val="0"/>
        </c:dLbls>
        <c:marker val="1"/>
        <c:smooth val="0"/>
        <c:axId val="484214304"/>
        <c:axId val="484215088"/>
      </c:lineChart>
      <c:dateAx>
        <c:axId val="484214304"/>
        <c:scaling>
          <c:orientation val="minMax"/>
        </c:scaling>
        <c:delete val="1"/>
        <c:axPos val="b"/>
        <c:numFmt formatCode="&quot;H&quot;yy" sourceLinked="1"/>
        <c:majorTickMark val="none"/>
        <c:minorTickMark val="none"/>
        <c:tickLblPos val="none"/>
        <c:crossAx val="484215088"/>
        <c:crosses val="autoZero"/>
        <c:auto val="1"/>
        <c:lblOffset val="100"/>
        <c:baseTimeUnit val="years"/>
      </c:dateAx>
      <c:valAx>
        <c:axId val="4842150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4214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1002.54</c:v>
                </c:pt>
                <c:pt idx="1">
                  <c:v>635.37</c:v>
                </c:pt>
                <c:pt idx="2">
                  <c:v>1296.3900000000001</c:v>
                </c:pt>
                <c:pt idx="3">
                  <c:v>1029.5999999999999</c:v>
                </c:pt>
                <c:pt idx="4">
                  <c:v>1027.6099999999999</c:v>
                </c:pt>
              </c:numCache>
            </c:numRef>
          </c:val>
          <c:extLst xmlns:c16r2="http://schemas.microsoft.com/office/drawing/2015/06/chart">
            <c:ext xmlns:c16="http://schemas.microsoft.com/office/drawing/2014/chart" uri="{C3380CC4-5D6E-409C-BE32-E72D297353CC}">
              <c16:uniqueId val="{00000000-F447-4A50-AAA5-0AAAB3111D30}"/>
            </c:ext>
          </c:extLst>
        </c:ser>
        <c:dLbls>
          <c:showLegendKey val="0"/>
          <c:showVal val="0"/>
          <c:showCatName val="0"/>
          <c:showSerName val="0"/>
          <c:showPercent val="0"/>
          <c:showBubbleSize val="0"/>
        </c:dLbls>
        <c:gapWidth val="150"/>
        <c:axId val="484218616"/>
        <c:axId val="484215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16.14</c:v>
                </c:pt>
                <c:pt idx="1">
                  <c:v>371.89</c:v>
                </c:pt>
                <c:pt idx="2">
                  <c:v>293.23</c:v>
                </c:pt>
                <c:pt idx="3">
                  <c:v>300.14</c:v>
                </c:pt>
                <c:pt idx="4">
                  <c:v>301.04000000000002</c:v>
                </c:pt>
              </c:numCache>
            </c:numRef>
          </c:val>
          <c:smooth val="0"/>
          <c:extLst xmlns:c16r2="http://schemas.microsoft.com/office/drawing/2015/06/chart">
            <c:ext xmlns:c16="http://schemas.microsoft.com/office/drawing/2014/chart" uri="{C3380CC4-5D6E-409C-BE32-E72D297353CC}">
              <c16:uniqueId val="{00000001-F447-4A50-AAA5-0AAAB3111D30}"/>
            </c:ext>
          </c:extLst>
        </c:ser>
        <c:dLbls>
          <c:showLegendKey val="0"/>
          <c:showVal val="0"/>
          <c:showCatName val="0"/>
          <c:showSerName val="0"/>
          <c:showPercent val="0"/>
          <c:showBubbleSize val="0"/>
        </c:dLbls>
        <c:marker val="1"/>
        <c:smooth val="0"/>
        <c:axId val="484218616"/>
        <c:axId val="484215480"/>
      </c:lineChart>
      <c:dateAx>
        <c:axId val="484218616"/>
        <c:scaling>
          <c:orientation val="minMax"/>
        </c:scaling>
        <c:delete val="1"/>
        <c:axPos val="b"/>
        <c:numFmt formatCode="&quot;H&quot;yy" sourceLinked="1"/>
        <c:majorTickMark val="none"/>
        <c:minorTickMark val="none"/>
        <c:tickLblPos val="none"/>
        <c:crossAx val="484215480"/>
        <c:crosses val="autoZero"/>
        <c:auto val="1"/>
        <c:lblOffset val="100"/>
        <c:baseTimeUnit val="years"/>
      </c:dateAx>
      <c:valAx>
        <c:axId val="48421548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4218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136.65</c:v>
                </c:pt>
                <c:pt idx="1">
                  <c:v>183.47</c:v>
                </c:pt>
                <c:pt idx="2">
                  <c:v>219.89</c:v>
                </c:pt>
                <c:pt idx="3">
                  <c:v>219.34</c:v>
                </c:pt>
                <c:pt idx="4">
                  <c:v>215.65</c:v>
                </c:pt>
              </c:numCache>
            </c:numRef>
          </c:val>
          <c:extLst xmlns:c16r2="http://schemas.microsoft.com/office/drawing/2015/06/chart">
            <c:ext xmlns:c16="http://schemas.microsoft.com/office/drawing/2014/chart" uri="{C3380CC4-5D6E-409C-BE32-E72D297353CC}">
              <c16:uniqueId val="{00000000-9242-4C1E-B00C-617976C6966E}"/>
            </c:ext>
          </c:extLst>
        </c:ser>
        <c:dLbls>
          <c:showLegendKey val="0"/>
          <c:showVal val="0"/>
          <c:showCatName val="0"/>
          <c:showSerName val="0"/>
          <c:showPercent val="0"/>
          <c:showBubbleSize val="0"/>
        </c:dLbls>
        <c:gapWidth val="150"/>
        <c:axId val="484217048"/>
        <c:axId val="484216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87.22</c:v>
                </c:pt>
                <c:pt idx="1">
                  <c:v>483.11</c:v>
                </c:pt>
                <c:pt idx="2">
                  <c:v>542.29999999999995</c:v>
                </c:pt>
                <c:pt idx="3">
                  <c:v>566.65</c:v>
                </c:pt>
                <c:pt idx="4">
                  <c:v>551.62</c:v>
                </c:pt>
              </c:numCache>
            </c:numRef>
          </c:val>
          <c:smooth val="0"/>
          <c:extLst xmlns:c16r2="http://schemas.microsoft.com/office/drawing/2015/06/chart">
            <c:ext xmlns:c16="http://schemas.microsoft.com/office/drawing/2014/chart" uri="{C3380CC4-5D6E-409C-BE32-E72D297353CC}">
              <c16:uniqueId val="{00000001-9242-4C1E-B00C-617976C6966E}"/>
            </c:ext>
          </c:extLst>
        </c:ser>
        <c:dLbls>
          <c:showLegendKey val="0"/>
          <c:showVal val="0"/>
          <c:showCatName val="0"/>
          <c:showSerName val="0"/>
          <c:showPercent val="0"/>
          <c:showBubbleSize val="0"/>
        </c:dLbls>
        <c:marker val="1"/>
        <c:smooth val="0"/>
        <c:axId val="484217048"/>
        <c:axId val="484216656"/>
      </c:lineChart>
      <c:dateAx>
        <c:axId val="484217048"/>
        <c:scaling>
          <c:orientation val="minMax"/>
        </c:scaling>
        <c:delete val="1"/>
        <c:axPos val="b"/>
        <c:numFmt formatCode="&quot;H&quot;yy" sourceLinked="1"/>
        <c:majorTickMark val="none"/>
        <c:minorTickMark val="none"/>
        <c:tickLblPos val="none"/>
        <c:crossAx val="484216656"/>
        <c:crosses val="autoZero"/>
        <c:auto val="1"/>
        <c:lblOffset val="100"/>
        <c:baseTimeUnit val="years"/>
      </c:dateAx>
      <c:valAx>
        <c:axId val="484216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4217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98.45</c:v>
                </c:pt>
                <c:pt idx="1">
                  <c:v>102.86</c:v>
                </c:pt>
                <c:pt idx="2">
                  <c:v>98.45</c:v>
                </c:pt>
                <c:pt idx="3">
                  <c:v>99.11</c:v>
                </c:pt>
                <c:pt idx="4">
                  <c:v>98.07</c:v>
                </c:pt>
              </c:numCache>
            </c:numRef>
          </c:val>
          <c:extLst xmlns:c16r2="http://schemas.microsoft.com/office/drawing/2015/06/chart">
            <c:ext xmlns:c16="http://schemas.microsoft.com/office/drawing/2014/chart" uri="{C3380CC4-5D6E-409C-BE32-E72D297353CC}">
              <c16:uniqueId val="{00000000-07E4-42AB-B7BB-6583CB6015EF}"/>
            </c:ext>
          </c:extLst>
        </c:ser>
        <c:dLbls>
          <c:showLegendKey val="0"/>
          <c:showVal val="0"/>
          <c:showCatName val="0"/>
          <c:showSerName val="0"/>
          <c:showPercent val="0"/>
          <c:showBubbleSize val="0"/>
        </c:dLbls>
        <c:gapWidth val="150"/>
        <c:axId val="484844680"/>
        <c:axId val="484845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2.76</c:v>
                </c:pt>
                <c:pt idx="1">
                  <c:v>93.28</c:v>
                </c:pt>
                <c:pt idx="2">
                  <c:v>87.51</c:v>
                </c:pt>
                <c:pt idx="3">
                  <c:v>84.77</c:v>
                </c:pt>
                <c:pt idx="4">
                  <c:v>87.11</c:v>
                </c:pt>
              </c:numCache>
            </c:numRef>
          </c:val>
          <c:smooth val="0"/>
          <c:extLst xmlns:c16r2="http://schemas.microsoft.com/office/drawing/2015/06/chart">
            <c:ext xmlns:c16="http://schemas.microsoft.com/office/drawing/2014/chart" uri="{C3380CC4-5D6E-409C-BE32-E72D297353CC}">
              <c16:uniqueId val="{00000001-07E4-42AB-B7BB-6583CB6015EF}"/>
            </c:ext>
          </c:extLst>
        </c:ser>
        <c:dLbls>
          <c:showLegendKey val="0"/>
          <c:showVal val="0"/>
          <c:showCatName val="0"/>
          <c:showSerName val="0"/>
          <c:showPercent val="0"/>
          <c:showBubbleSize val="0"/>
        </c:dLbls>
        <c:marker val="1"/>
        <c:smooth val="0"/>
        <c:axId val="484844680"/>
        <c:axId val="484845072"/>
      </c:lineChart>
      <c:dateAx>
        <c:axId val="484844680"/>
        <c:scaling>
          <c:orientation val="minMax"/>
        </c:scaling>
        <c:delete val="1"/>
        <c:axPos val="b"/>
        <c:numFmt formatCode="&quot;H&quot;yy" sourceLinked="1"/>
        <c:majorTickMark val="none"/>
        <c:minorTickMark val="none"/>
        <c:tickLblPos val="none"/>
        <c:crossAx val="484845072"/>
        <c:crosses val="autoZero"/>
        <c:auto val="1"/>
        <c:lblOffset val="100"/>
        <c:baseTimeUnit val="years"/>
      </c:dateAx>
      <c:valAx>
        <c:axId val="484845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844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85.27</c:v>
                </c:pt>
                <c:pt idx="1">
                  <c:v>81.8</c:v>
                </c:pt>
                <c:pt idx="2">
                  <c:v>85.64</c:v>
                </c:pt>
                <c:pt idx="3">
                  <c:v>85.81</c:v>
                </c:pt>
                <c:pt idx="4">
                  <c:v>86.79</c:v>
                </c:pt>
              </c:numCache>
            </c:numRef>
          </c:val>
          <c:extLst xmlns:c16r2="http://schemas.microsoft.com/office/drawing/2015/06/chart">
            <c:ext xmlns:c16="http://schemas.microsoft.com/office/drawing/2014/chart" uri="{C3380CC4-5D6E-409C-BE32-E72D297353CC}">
              <c16:uniqueId val="{00000000-F379-4B97-81C2-0176B6DBC29C}"/>
            </c:ext>
          </c:extLst>
        </c:ser>
        <c:dLbls>
          <c:showLegendKey val="0"/>
          <c:showVal val="0"/>
          <c:showCatName val="0"/>
          <c:showSerName val="0"/>
          <c:showPercent val="0"/>
          <c:showBubbleSize val="0"/>
        </c:dLbls>
        <c:gapWidth val="150"/>
        <c:axId val="484848992"/>
        <c:axId val="484845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08.67</c:v>
                </c:pt>
                <c:pt idx="1">
                  <c:v>208.29</c:v>
                </c:pt>
                <c:pt idx="2">
                  <c:v>218.42</c:v>
                </c:pt>
                <c:pt idx="3">
                  <c:v>227.27</c:v>
                </c:pt>
                <c:pt idx="4">
                  <c:v>223.98</c:v>
                </c:pt>
              </c:numCache>
            </c:numRef>
          </c:val>
          <c:smooth val="0"/>
          <c:extLst xmlns:c16r2="http://schemas.microsoft.com/office/drawing/2015/06/chart">
            <c:ext xmlns:c16="http://schemas.microsoft.com/office/drawing/2014/chart" uri="{C3380CC4-5D6E-409C-BE32-E72D297353CC}">
              <c16:uniqueId val="{00000001-F379-4B97-81C2-0176B6DBC29C}"/>
            </c:ext>
          </c:extLst>
        </c:ser>
        <c:dLbls>
          <c:showLegendKey val="0"/>
          <c:showVal val="0"/>
          <c:showCatName val="0"/>
          <c:showSerName val="0"/>
          <c:showPercent val="0"/>
          <c:showBubbleSize val="0"/>
        </c:dLbls>
        <c:marker val="1"/>
        <c:smooth val="0"/>
        <c:axId val="484848992"/>
        <c:axId val="484845464"/>
      </c:lineChart>
      <c:dateAx>
        <c:axId val="484848992"/>
        <c:scaling>
          <c:orientation val="minMax"/>
        </c:scaling>
        <c:delete val="1"/>
        <c:axPos val="b"/>
        <c:numFmt formatCode="&quot;H&quot;yy" sourceLinked="1"/>
        <c:majorTickMark val="none"/>
        <c:minorTickMark val="none"/>
        <c:tickLblPos val="none"/>
        <c:crossAx val="484845464"/>
        <c:crosses val="autoZero"/>
        <c:auto val="1"/>
        <c:lblOffset val="100"/>
        <c:baseTimeUnit val="years"/>
      </c:dateAx>
      <c:valAx>
        <c:axId val="484845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4848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8" t="s">
        <v>0</v>
      </c>
      <c r="C2" s="78"/>
      <c r="D2" s="78"/>
      <c r="E2" s="78"/>
      <c r="F2" s="78"/>
      <c r="G2" s="78"/>
      <c r="H2" s="78"/>
      <c r="I2" s="78"/>
      <c r="J2" s="78"/>
      <c r="K2" s="78"/>
      <c r="L2" s="78"/>
      <c r="M2" s="78"/>
      <c r="N2" s="78"/>
      <c r="O2" s="78"/>
      <c r="P2" s="78"/>
      <c r="Q2" s="78"/>
      <c r="R2" s="78"/>
      <c r="S2" s="78"/>
      <c r="T2" s="78"/>
      <c r="U2" s="78"/>
      <c r="V2" s="78"/>
      <c r="W2" s="78"/>
      <c r="X2" s="78"/>
      <c r="Y2" s="78"/>
      <c r="Z2" s="78"/>
      <c r="AA2" s="78"/>
      <c r="AB2" s="78"/>
      <c r="AC2" s="78"/>
      <c r="AD2" s="78"/>
      <c r="AE2" s="78"/>
      <c r="AF2" s="78"/>
      <c r="AG2" s="78"/>
      <c r="AH2" s="78"/>
      <c r="AI2" s="78"/>
      <c r="AJ2" s="78"/>
      <c r="AK2" s="78"/>
      <c r="AL2" s="78"/>
      <c r="AM2" s="78"/>
      <c r="AN2" s="78"/>
      <c r="AO2" s="78"/>
      <c r="AP2" s="78"/>
      <c r="AQ2" s="78"/>
      <c r="AR2" s="78"/>
      <c r="AS2" s="78"/>
      <c r="AT2" s="78"/>
      <c r="AU2" s="78"/>
      <c r="AV2" s="78"/>
      <c r="AW2" s="78"/>
      <c r="AX2" s="78"/>
      <c r="AY2" s="78"/>
      <c r="AZ2" s="78"/>
      <c r="BA2" s="78"/>
      <c r="BB2" s="78"/>
      <c r="BC2" s="78"/>
      <c r="BD2" s="78"/>
      <c r="BE2" s="78"/>
      <c r="BF2" s="78"/>
      <c r="BG2" s="78"/>
      <c r="BH2" s="78"/>
      <c r="BI2" s="78"/>
      <c r="BJ2" s="78"/>
      <c r="BK2" s="78"/>
      <c r="BL2" s="78"/>
      <c r="BM2" s="78"/>
      <c r="BN2" s="78"/>
      <c r="BO2" s="78"/>
      <c r="BP2" s="78"/>
      <c r="BQ2" s="78"/>
      <c r="BR2" s="78"/>
      <c r="BS2" s="78"/>
      <c r="BT2" s="78"/>
      <c r="BU2" s="78"/>
      <c r="BV2" s="78"/>
      <c r="BW2" s="78"/>
      <c r="BX2" s="78"/>
      <c r="BY2" s="78"/>
      <c r="BZ2" s="78"/>
    </row>
    <row r="3" spans="1:78" ht="9.75" customHeight="1" x14ac:dyDescent="0.2">
      <c r="A3" s="2"/>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row>
    <row r="4" spans="1:78" ht="9.75" customHeight="1" x14ac:dyDescent="0.2">
      <c r="A4" s="2"/>
      <c r="B4" s="78"/>
      <c r="C4" s="78"/>
      <c r="D4" s="78"/>
      <c r="E4" s="78"/>
      <c r="F4" s="78"/>
      <c r="G4" s="78"/>
      <c r="H4" s="78"/>
      <c r="I4" s="78"/>
      <c r="J4" s="78"/>
      <c r="K4" s="78"/>
      <c r="L4" s="78"/>
      <c r="M4" s="78"/>
      <c r="N4" s="78"/>
      <c r="O4" s="78"/>
      <c r="P4" s="78"/>
      <c r="Q4" s="78"/>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9" t="str">
        <f>データ!H6</f>
        <v>神奈川県　松田町</v>
      </c>
      <c r="C6" s="79"/>
      <c r="D6" s="79"/>
      <c r="E6" s="79"/>
      <c r="F6" s="79"/>
      <c r="G6" s="79"/>
      <c r="H6" s="79"/>
      <c r="I6" s="79"/>
      <c r="J6" s="79"/>
      <c r="K6" s="79"/>
      <c r="L6" s="79"/>
      <c r="M6" s="79"/>
      <c r="N6" s="79"/>
      <c r="O6" s="79"/>
      <c r="P6" s="79"/>
      <c r="Q6" s="79"/>
      <c r="R6" s="79"/>
      <c r="S6" s="79"/>
      <c r="T6" s="79"/>
      <c r="U6" s="79"/>
      <c r="V6" s="79"/>
      <c r="W6" s="79"/>
      <c r="X6" s="79"/>
      <c r="Y6" s="79"/>
      <c r="Z6" s="79"/>
      <c r="AA6" s="79"/>
      <c r="AB6" s="79"/>
      <c r="AC6" s="79"/>
      <c r="AD6" s="80"/>
      <c r="AE6" s="80"/>
      <c r="AF6" s="80"/>
      <c r="AG6" s="80"/>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1"/>
      <c r="D7" s="71"/>
      <c r="E7" s="71"/>
      <c r="F7" s="71"/>
      <c r="G7" s="71"/>
      <c r="H7" s="71"/>
      <c r="I7" s="70" t="s">
        <v>2</v>
      </c>
      <c r="J7" s="71"/>
      <c r="K7" s="71"/>
      <c r="L7" s="71"/>
      <c r="M7" s="71"/>
      <c r="N7" s="71"/>
      <c r="O7" s="72"/>
      <c r="P7" s="73" t="s">
        <v>3</v>
      </c>
      <c r="Q7" s="73"/>
      <c r="R7" s="73"/>
      <c r="S7" s="73"/>
      <c r="T7" s="73"/>
      <c r="U7" s="73"/>
      <c r="V7" s="73"/>
      <c r="W7" s="73" t="s">
        <v>4</v>
      </c>
      <c r="X7" s="73"/>
      <c r="Y7" s="73"/>
      <c r="Z7" s="73"/>
      <c r="AA7" s="73"/>
      <c r="AB7" s="73"/>
      <c r="AC7" s="73"/>
      <c r="AD7" s="73" t="s">
        <v>5</v>
      </c>
      <c r="AE7" s="73"/>
      <c r="AF7" s="73"/>
      <c r="AG7" s="73"/>
      <c r="AH7" s="73"/>
      <c r="AI7" s="73"/>
      <c r="AJ7" s="73"/>
      <c r="AK7" s="4"/>
      <c r="AL7" s="73" t="s">
        <v>6</v>
      </c>
      <c r="AM7" s="73"/>
      <c r="AN7" s="73"/>
      <c r="AO7" s="73"/>
      <c r="AP7" s="73"/>
      <c r="AQ7" s="73"/>
      <c r="AR7" s="73"/>
      <c r="AS7" s="73"/>
      <c r="AT7" s="70" t="s">
        <v>7</v>
      </c>
      <c r="AU7" s="71"/>
      <c r="AV7" s="71"/>
      <c r="AW7" s="71"/>
      <c r="AX7" s="71"/>
      <c r="AY7" s="71"/>
      <c r="AZ7" s="71"/>
      <c r="BA7" s="71"/>
      <c r="BB7" s="73" t="s">
        <v>8</v>
      </c>
      <c r="BC7" s="73"/>
      <c r="BD7" s="73"/>
      <c r="BE7" s="73"/>
      <c r="BF7" s="73"/>
      <c r="BG7" s="73"/>
      <c r="BH7" s="73"/>
      <c r="BI7" s="73"/>
      <c r="BJ7" s="3"/>
      <c r="BK7" s="3"/>
      <c r="BL7" s="5" t="s">
        <v>9</v>
      </c>
      <c r="BM7" s="6"/>
      <c r="BN7" s="6"/>
      <c r="BO7" s="6"/>
      <c r="BP7" s="6"/>
      <c r="BQ7" s="6"/>
      <c r="BR7" s="6"/>
      <c r="BS7" s="6"/>
      <c r="BT7" s="6"/>
      <c r="BU7" s="6"/>
      <c r="BV7" s="6"/>
      <c r="BW7" s="6"/>
      <c r="BX7" s="6"/>
      <c r="BY7" s="7"/>
    </row>
    <row r="8" spans="1:78" ht="18.75" customHeight="1" x14ac:dyDescent="0.2">
      <c r="A8" s="2"/>
      <c r="B8" s="74" t="str">
        <f>データ!$I$6</f>
        <v>法適用</v>
      </c>
      <c r="C8" s="75"/>
      <c r="D8" s="75"/>
      <c r="E8" s="75"/>
      <c r="F8" s="75"/>
      <c r="G8" s="75"/>
      <c r="H8" s="75"/>
      <c r="I8" s="74" t="str">
        <f>データ!$J$6</f>
        <v>水道事業</v>
      </c>
      <c r="J8" s="75"/>
      <c r="K8" s="75"/>
      <c r="L8" s="75"/>
      <c r="M8" s="75"/>
      <c r="N8" s="75"/>
      <c r="O8" s="76"/>
      <c r="P8" s="77" t="str">
        <f>データ!$K$6</f>
        <v>末端給水事業</v>
      </c>
      <c r="Q8" s="77"/>
      <c r="R8" s="77"/>
      <c r="S8" s="77"/>
      <c r="T8" s="77"/>
      <c r="U8" s="77"/>
      <c r="V8" s="77"/>
      <c r="W8" s="77" t="str">
        <f>データ!$L$6</f>
        <v>A8</v>
      </c>
      <c r="X8" s="77"/>
      <c r="Y8" s="77"/>
      <c r="Z8" s="77"/>
      <c r="AA8" s="77"/>
      <c r="AB8" s="77"/>
      <c r="AC8" s="77"/>
      <c r="AD8" s="77" t="str">
        <f>データ!$M$6</f>
        <v>非設置</v>
      </c>
      <c r="AE8" s="77"/>
      <c r="AF8" s="77"/>
      <c r="AG8" s="77"/>
      <c r="AH8" s="77"/>
      <c r="AI8" s="77"/>
      <c r="AJ8" s="77"/>
      <c r="AK8" s="4"/>
      <c r="AL8" s="65">
        <f>データ!$R$6</f>
        <v>11116</v>
      </c>
      <c r="AM8" s="65"/>
      <c r="AN8" s="65"/>
      <c r="AO8" s="65"/>
      <c r="AP8" s="65"/>
      <c r="AQ8" s="65"/>
      <c r="AR8" s="65"/>
      <c r="AS8" s="65"/>
      <c r="AT8" s="61">
        <f>データ!$S$6</f>
        <v>37.75</v>
      </c>
      <c r="AU8" s="62"/>
      <c r="AV8" s="62"/>
      <c r="AW8" s="62"/>
      <c r="AX8" s="62"/>
      <c r="AY8" s="62"/>
      <c r="AZ8" s="62"/>
      <c r="BA8" s="62"/>
      <c r="BB8" s="64">
        <f>データ!$T$6</f>
        <v>294.45999999999998</v>
      </c>
      <c r="BC8" s="64"/>
      <c r="BD8" s="64"/>
      <c r="BE8" s="64"/>
      <c r="BF8" s="64"/>
      <c r="BG8" s="64"/>
      <c r="BH8" s="64"/>
      <c r="BI8" s="64"/>
      <c r="BJ8" s="3"/>
      <c r="BK8" s="3"/>
      <c r="BL8" s="68" t="s">
        <v>10</v>
      </c>
      <c r="BM8" s="69"/>
      <c r="BN8" s="8" t="s">
        <v>11</v>
      </c>
      <c r="BO8" s="9"/>
      <c r="BP8" s="9"/>
      <c r="BQ8" s="9"/>
      <c r="BR8" s="9"/>
      <c r="BS8" s="9"/>
      <c r="BT8" s="9"/>
      <c r="BU8" s="9"/>
      <c r="BV8" s="9"/>
      <c r="BW8" s="9"/>
      <c r="BX8" s="9"/>
      <c r="BY8" s="10"/>
    </row>
    <row r="9" spans="1:78" ht="18.75" customHeight="1" x14ac:dyDescent="0.2">
      <c r="A9" s="2"/>
      <c r="B9" s="70" t="s">
        <v>12</v>
      </c>
      <c r="C9" s="71"/>
      <c r="D9" s="71"/>
      <c r="E9" s="71"/>
      <c r="F9" s="71"/>
      <c r="G9" s="71"/>
      <c r="H9" s="71"/>
      <c r="I9" s="70" t="s">
        <v>13</v>
      </c>
      <c r="J9" s="71"/>
      <c r="K9" s="71"/>
      <c r="L9" s="71"/>
      <c r="M9" s="71"/>
      <c r="N9" s="71"/>
      <c r="O9" s="72"/>
      <c r="P9" s="73" t="s">
        <v>14</v>
      </c>
      <c r="Q9" s="73"/>
      <c r="R9" s="73"/>
      <c r="S9" s="73"/>
      <c r="T9" s="73"/>
      <c r="U9" s="73"/>
      <c r="V9" s="73"/>
      <c r="W9" s="73" t="s">
        <v>15</v>
      </c>
      <c r="X9" s="73"/>
      <c r="Y9" s="73"/>
      <c r="Z9" s="73"/>
      <c r="AA9" s="73"/>
      <c r="AB9" s="73"/>
      <c r="AC9" s="73"/>
      <c r="AD9" s="2"/>
      <c r="AE9" s="2"/>
      <c r="AF9" s="2"/>
      <c r="AG9" s="2"/>
      <c r="AH9" s="4"/>
      <c r="AI9" s="4"/>
      <c r="AJ9" s="4"/>
      <c r="AK9" s="4"/>
      <c r="AL9" s="73" t="s">
        <v>16</v>
      </c>
      <c r="AM9" s="73"/>
      <c r="AN9" s="73"/>
      <c r="AO9" s="73"/>
      <c r="AP9" s="73"/>
      <c r="AQ9" s="73"/>
      <c r="AR9" s="73"/>
      <c r="AS9" s="73"/>
      <c r="AT9" s="70" t="s">
        <v>17</v>
      </c>
      <c r="AU9" s="71"/>
      <c r="AV9" s="71"/>
      <c r="AW9" s="71"/>
      <c r="AX9" s="71"/>
      <c r="AY9" s="71"/>
      <c r="AZ9" s="71"/>
      <c r="BA9" s="71"/>
      <c r="BB9" s="73" t="s">
        <v>18</v>
      </c>
      <c r="BC9" s="73"/>
      <c r="BD9" s="73"/>
      <c r="BE9" s="73"/>
      <c r="BF9" s="73"/>
      <c r="BG9" s="73"/>
      <c r="BH9" s="73"/>
      <c r="BI9" s="73"/>
      <c r="BJ9" s="3"/>
      <c r="BK9" s="3"/>
      <c r="BL9" s="59" t="s">
        <v>19</v>
      </c>
      <c r="BM9" s="60"/>
      <c r="BN9" s="11" t="s">
        <v>20</v>
      </c>
      <c r="BO9" s="12"/>
      <c r="BP9" s="12"/>
      <c r="BQ9" s="12"/>
      <c r="BR9" s="12"/>
      <c r="BS9" s="12"/>
      <c r="BT9" s="12"/>
      <c r="BU9" s="12"/>
      <c r="BV9" s="12"/>
      <c r="BW9" s="12"/>
      <c r="BX9" s="12"/>
      <c r="BY9" s="13"/>
    </row>
    <row r="10" spans="1:78" ht="18.75" customHeight="1" x14ac:dyDescent="0.2">
      <c r="A10" s="2"/>
      <c r="B10" s="61" t="str">
        <f>データ!$N$6</f>
        <v>-</v>
      </c>
      <c r="C10" s="62"/>
      <c r="D10" s="62"/>
      <c r="E10" s="62"/>
      <c r="F10" s="62"/>
      <c r="G10" s="62"/>
      <c r="H10" s="62"/>
      <c r="I10" s="61">
        <f>データ!$O$6</f>
        <v>85.26</v>
      </c>
      <c r="J10" s="62"/>
      <c r="K10" s="62"/>
      <c r="L10" s="62"/>
      <c r="M10" s="62"/>
      <c r="N10" s="62"/>
      <c r="O10" s="63"/>
      <c r="P10" s="64">
        <f>データ!$P$6</f>
        <v>80.92</v>
      </c>
      <c r="Q10" s="64"/>
      <c r="R10" s="64"/>
      <c r="S10" s="64"/>
      <c r="T10" s="64"/>
      <c r="U10" s="64"/>
      <c r="V10" s="64"/>
      <c r="W10" s="65">
        <f>データ!$Q$6</f>
        <v>1485</v>
      </c>
      <c r="X10" s="65"/>
      <c r="Y10" s="65"/>
      <c r="Z10" s="65"/>
      <c r="AA10" s="65"/>
      <c r="AB10" s="65"/>
      <c r="AC10" s="65"/>
      <c r="AD10" s="2"/>
      <c r="AE10" s="2"/>
      <c r="AF10" s="2"/>
      <c r="AG10" s="2"/>
      <c r="AH10" s="4"/>
      <c r="AI10" s="4"/>
      <c r="AJ10" s="4"/>
      <c r="AK10" s="4"/>
      <c r="AL10" s="65">
        <f>データ!$U$6</f>
        <v>8918</v>
      </c>
      <c r="AM10" s="65"/>
      <c r="AN10" s="65"/>
      <c r="AO10" s="65"/>
      <c r="AP10" s="65"/>
      <c r="AQ10" s="65"/>
      <c r="AR10" s="65"/>
      <c r="AS10" s="65"/>
      <c r="AT10" s="61">
        <f>データ!$V$6</f>
        <v>2.5299999999999998</v>
      </c>
      <c r="AU10" s="62"/>
      <c r="AV10" s="62"/>
      <c r="AW10" s="62"/>
      <c r="AX10" s="62"/>
      <c r="AY10" s="62"/>
      <c r="AZ10" s="62"/>
      <c r="BA10" s="62"/>
      <c r="BB10" s="64">
        <f>データ!$W$6</f>
        <v>3524.9</v>
      </c>
      <c r="BC10" s="64"/>
      <c r="BD10" s="64"/>
      <c r="BE10" s="64"/>
      <c r="BF10" s="64"/>
      <c r="BG10" s="64"/>
      <c r="BH10" s="64"/>
      <c r="BI10" s="64"/>
      <c r="BJ10" s="2"/>
      <c r="BK10" s="2"/>
      <c r="BL10" s="66" t="s">
        <v>21</v>
      </c>
      <c r="BM10" s="67"/>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1" t="s">
        <v>23</v>
      </c>
      <c r="BM11" s="51"/>
      <c r="BN11" s="51"/>
      <c r="BO11" s="51"/>
      <c r="BP11" s="51"/>
      <c r="BQ11" s="51"/>
      <c r="BR11" s="51"/>
      <c r="BS11" s="51"/>
      <c r="BT11" s="51"/>
      <c r="BU11" s="51"/>
      <c r="BV11" s="51"/>
      <c r="BW11" s="51"/>
      <c r="BX11" s="51"/>
      <c r="BY11" s="51"/>
      <c r="BZ11" s="5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1"/>
      <c r="BM12" s="51"/>
      <c r="BN12" s="51"/>
      <c r="BO12" s="51"/>
      <c r="BP12" s="51"/>
      <c r="BQ12" s="51"/>
      <c r="BR12" s="51"/>
      <c r="BS12" s="51"/>
      <c r="BT12" s="51"/>
      <c r="BU12" s="51"/>
      <c r="BV12" s="51"/>
      <c r="BW12" s="51"/>
      <c r="BX12" s="51"/>
      <c r="BY12" s="51"/>
      <c r="BZ12" s="5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2"/>
      <c r="BM13" s="52"/>
      <c r="BN13" s="52"/>
      <c r="BO13" s="52"/>
      <c r="BP13" s="52"/>
      <c r="BQ13" s="52"/>
      <c r="BR13" s="52"/>
      <c r="BS13" s="52"/>
      <c r="BT13" s="52"/>
      <c r="BU13" s="52"/>
      <c r="BV13" s="52"/>
      <c r="BW13" s="52"/>
      <c r="BX13" s="52"/>
      <c r="BY13" s="52"/>
      <c r="BZ13" s="52"/>
    </row>
    <row r="14" spans="1:78" ht="13.5" customHeight="1" x14ac:dyDescent="0.2">
      <c r="A14" s="2"/>
      <c r="B14" s="53" t="s">
        <v>24</v>
      </c>
      <c r="C14" s="54"/>
      <c r="D14" s="54"/>
      <c r="E14" s="54"/>
      <c r="F14" s="54"/>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4"/>
      <c r="AP14" s="54"/>
      <c r="AQ14" s="54"/>
      <c r="AR14" s="54"/>
      <c r="AS14" s="54"/>
      <c r="AT14" s="54"/>
      <c r="AU14" s="54"/>
      <c r="AV14" s="54"/>
      <c r="AW14" s="54"/>
      <c r="AX14" s="54"/>
      <c r="AY14" s="54"/>
      <c r="AZ14" s="54"/>
      <c r="BA14" s="54"/>
      <c r="BB14" s="54"/>
      <c r="BC14" s="54"/>
      <c r="BD14" s="54"/>
      <c r="BE14" s="54"/>
      <c r="BF14" s="54"/>
      <c r="BG14" s="54"/>
      <c r="BH14" s="54"/>
      <c r="BI14" s="54"/>
      <c r="BJ14" s="55"/>
      <c r="BK14" s="2"/>
      <c r="BL14" s="45" t="s">
        <v>25</v>
      </c>
      <c r="BM14" s="46"/>
      <c r="BN14" s="46"/>
      <c r="BO14" s="46"/>
      <c r="BP14" s="46"/>
      <c r="BQ14" s="46"/>
      <c r="BR14" s="46"/>
      <c r="BS14" s="46"/>
      <c r="BT14" s="46"/>
      <c r="BU14" s="46"/>
      <c r="BV14" s="46"/>
      <c r="BW14" s="46"/>
      <c r="BX14" s="46"/>
      <c r="BY14" s="46"/>
      <c r="BZ14" s="47"/>
    </row>
    <row r="15" spans="1:78" ht="13.5" customHeight="1" x14ac:dyDescent="0.2">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2</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9" t="s">
        <v>110</v>
      </c>
      <c r="BM47" s="90"/>
      <c r="BN47" s="90"/>
      <c r="BO47" s="90"/>
      <c r="BP47" s="90"/>
      <c r="BQ47" s="90"/>
      <c r="BR47" s="90"/>
      <c r="BS47" s="90"/>
      <c r="BT47" s="90"/>
      <c r="BU47" s="90"/>
      <c r="BV47" s="90"/>
      <c r="BW47" s="90"/>
      <c r="BX47" s="90"/>
      <c r="BY47" s="90"/>
      <c r="BZ47" s="9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9"/>
      <c r="BM48" s="90"/>
      <c r="BN48" s="90"/>
      <c r="BO48" s="90"/>
      <c r="BP48" s="90"/>
      <c r="BQ48" s="90"/>
      <c r="BR48" s="90"/>
      <c r="BS48" s="90"/>
      <c r="BT48" s="90"/>
      <c r="BU48" s="90"/>
      <c r="BV48" s="90"/>
      <c r="BW48" s="90"/>
      <c r="BX48" s="90"/>
      <c r="BY48" s="90"/>
      <c r="BZ48" s="9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9"/>
      <c r="BM49" s="90"/>
      <c r="BN49" s="90"/>
      <c r="BO49" s="90"/>
      <c r="BP49" s="90"/>
      <c r="BQ49" s="90"/>
      <c r="BR49" s="90"/>
      <c r="BS49" s="90"/>
      <c r="BT49" s="90"/>
      <c r="BU49" s="90"/>
      <c r="BV49" s="90"/>
      <c r="BW49" s="90"/>
      <c r="BX49" s="90"/>
      <c r="BY49" s="90"/>
      <c r="BZ49" s="9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9"/>
      <c r="BM50" s="90"/>
      <c r="BN50" s="90"/>
      <c r="BO50" s="90"/>
      <c r="BP50" s="90"/>
      <c r="BQ50" s="90"/>
      <c r="BR50" s="90"/>
      <c r="BS50" s="90"/>
      <c r="BT50" s="90"/>
      <c r="BU50" s="90"/>
      <c r="BV50" s="90"/>
      <c r="BW50" s="90"/>
      <c r="BX50" s="90"/>
      <c r="BY50" s="90"/>
      <c r="BZ50" s="9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9"/>
      <c r="BM51" s="90"/>
      <c r="BN51" s="90"/>
      <c r="BO51" s="90"/>
      <c r="BP51" s="90"/>
      <c r="BQ51" s="90"/>
      <c r="BR51" s="90"/>
      <c r="BS51" s="90"/>
      <c r="BT51" s="90"/>
      <c r="BU51" s="90"/>
      <c r="BV51" s="90"/>
      <c r="BW51" s="90"/>
      <c r="BX51" s="90"/>
      <c r="BY51" s="90"/>
      <c r="BZ51" s="9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9"/>
      <c r="BM52" s="90"/>
      <c r="BN52" s="90"/>
      <c r="BO52" s="90"/>
      <c r="BP52" s="90"/>
      <c r="BQ52" s="90"/>
      <c r="BR52" s="90"/>
      <c r="BS52" s="90"/>
      <c r="BT52" s="90"/>
      <c r="BU52" s="90"/>
      <c r="BV52" s="90"/>
      <c r="BW52" s="90"/>
      <c r="BX52" s="90"/>
      <c r="BY52" s="90"/>
      <c r="BZ52" s="9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9"/>
      <c r="BM53" s="90"/>
      <c r="BN53" s="90"/>
      <c r="BO53" s="90"/>
      <c r="BP53" s="90"/>
      <c r="BQ53" s="90"/>
      <c r="BR53" s="90"/>
      <c r="BS53" s="90"/>
      <c r="BT53" s="90"/>
      <c r="BU53" s="90"/>
      <c r="BV53" s="90"/>
      <c r="BW53" s="90"/>
      <c r="BX53" s="90"/>
      <c r="BY53" s="90"/>
      <c r="BZ53" s="9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9"/>
      <c r="BM54" s="90"/>
      <c r="BN54" s="90"/>
      <c r="BO54" s="90"/>
      <c r="BP54" s="90"/>
      <c r="BQ54" s="90"/>
      <c r="BR54" s="90"/>
      <c r="BS54" s="90"/>
      <c r="BT54" s="90"/>
      <c r="BU54" s="90"/>
      <c r="BV54" s="90"/>
      <c r="BW54" s="90"/>
      <c r="BX54" s="90"/>
      <c r="BY54" s="90"/>
      <c r="BZ54" s="9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9"/>
      <c r="BM55" s="90"/>
      <c r="BN55" s="90"/>
      <c r="BO55" s="90"/>
      <c r="BP55" s="90"/>
      <c r="BQ55" s="90"/>
      <c r="BR55" s="90"/>
      <c r="BS55" s="90"/>
      <c r="BT55" s="90"/>
      <c r="BU55" s="90"/>
      <c r="BV55" s="90"/>
      <c r="BW55" s="90"/>
      <c r="BX55" s="90"/>
      <c r="BY55" s="90"/>
      <c r="BZ55" s="9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9"/>
      <c r="BM56" s="90"/>
      <c r="BN56" s="90"/>
      <c r="BO56" s="90"/>
      <c r="BP56" s="90"/>
      <c r="BQ56" s="90"/>
      <c r="BR56" s="90"/>
      <c r="BS56" s="90"/>
      <c r="BT56" s="90"/>
      <c r="BU56" s="90"/>
      <c r="BV56" s="90"/>
      <c r="BW56" s="90"/>
      <c r="BX56" s="90"/>
      <c r="BY56" s="90"/>
      <c r="BZ56" s="9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9"/>
      <c r="BM57" s="90"/>
      <c r="BN57" s="90"/>
      <c r="BO57" s="90"/>
      <c r="BP57" s="90"/>
      <c r="BQ57" s="90"/>
      <c r="BR57" s="90"/>
      <c r="BS57" s="90"/>
      <c r="BT57" s="90"/>
      <c r="BU57" s="90"/>
      <c r="BV57" s="90"/>
      <c r="BW57" s="90"/>
      <c r="BX57" s="90"/>
      <c r="BY57" s="90"/>
      <c r="BZ57" s="9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9"/>
      <c r="BM58" s="90"/>
      <c r="BN58" s="90"/>
      <c r="BO58" s="90"/>
      <c r="BP58" s="90"/>
      <c r="BQ58" s="90"/>
      <c r="BR58" s="90"/>
      <c r="BS58" s="90"/>
      <c r="BT58" s="90"/>
      <c r="BU58" s="90"/>
      <c r="BV58" s="90"/>
      <c r="BW58" s="90"/>
      <c r="BX58" s="90"/>
      <c r="BY58" s="90"/>
      <c r="BZ58" s="9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9"/>
      <c r="BM59" s="90"/>
      <c r="BN59" s="90"/>
      <c r="BO59" s="90"/>
      <c r="BP59" s="90"/>
      <c r="BQ59" s="90"/>
      <c r="BR59" s="90"/>
      <c r="BS59" s="90"/>
      <c r="BT59" s="90"/>
      <c r="BU59" s="90"/>
      <c r="BV59" s="90"/>
      <c r="BW59" s="90"/>
      <c r="BX59" s="90"/>
      <c r="BY59" s="90"/>
      <c r="BZ59" s="91"/>
    </row>
    <row r="60" spans="1:78" ht="13.5" customHeight="1" x14ac:dyDescent="0.2">
      <c r="A60" s="2"/>
      <c r="B60" s="56" t="s">
        <v>27</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89"/>
      <c r="BM60" s="90"/>
      <c r="BN60" s="90"/>
      <c r="BO60" s="90"/>
      <c r="BP60" s="90"/>
      <c r="BQ60" s="90"/>
      <c r="BR60" s="90"/>
      <c r="BS60" s="90"/>
      <c r="BT60" s="90"/>
      <c r="BU60" s="90"/>
      <c r="BV60" s="90"/>
      <c r="BW60" s="90"/>
      <c r="BX60" s="90"/>
      <c r="BY60" s="90"/>
      <c r="BZ60" s="91"/>
    </row>
    <row r="61" spans="1:78" ht="13.5" customHeight="1" x14ac:dyDescent="0.2">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89"/>
      <c r="BM61" s="90"/>
      <c r="BN61" s="90"/>
      <c r="BO61" s="90"/>
      <c r="BP61" s="90"/>
      <c r="BQ61" s="90"/>
      <c r="BR61" s="90"/>
      <c r="BS61" s="90"/>
      <c r="BT61" s="90"/>
      <c r="BU61" s="90"/>
      <c r="BV61" s="90"/>
      <c r="BW61" s="90"/>
      <c r="BX61" s="90"/>
      <c r="BY61" s="90"/>
      <c r="BZ61" s="9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9"/>
      <c r="BM62" s="90"/>
      <c r="BN62" s="90"/>
      <c r="BO62" s="90"/>
      <c r="BP62" s="90"/>
      <c r="BQ62" s="90"/>
      <c r="BR62" s="90"/>
      <c r="BS62" s="90"/>
      <c r="BT62" s="90"/>
      <c r="BU62" s="90"/>
      <c r="BV62" s="90"/>
      <c r="BW62" s="90"/>
      <c r="BX62" s="90"/>
      <c r="BY62" s="90"/>
      <c r="BZ62" s="9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9"/>
      <c r="BM63" s="90"/>
      <c r="BN63" s="90"/>
      <c r="BO63" s="90"/>
      <c r="BP63" s="90"/>
      <c r="BQ63" s="90"/>
      <c r="BR63" s="90"/>
      <c r="BS63" s="90"/>
      <c r="BT63" s="90"/>
      <c r="BU63" s="90"/>
      <c r="BV63" s="90"/>
      <c r="BW63" s="90"/>
      <c r="BX63" s="90"/>
      <c r="BY63" s="90"/>
      <c r="BZ63" s="9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89" t="s">
        <v>111</v>
      </c>
      <c r="BM66" s="90"/>
      <c r="BN66" s="90"/>
      <c r="BO66" s="90"/>
      <c r="BP66" s="90"/>
      <c r="BQ66" s="90"/>
      <c r="BR66" s="90"/>
      <c r="BS66" s="90"/>
      <c r="BT66" s="90"/>
      <c r="BU66" s="90"/>
      <c r="BV66" s="90"/>
      <c r="BW66" s="90"/>
      <c r="BX66" s="90"/>
      <c r="BY66" s="90"/>
      <c r="BZ66" s="9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89"/>
      <c r="BM67" s="90"/>
      <c r="BN67" s="90"/>
      <c r="BO67" s="90"/>
      <c r="BP67" s="90"/>
      <c r="BQ67" s="90"/>
      <c r="BR67" s="90"/>
      <c r="BS67" s="90"/>
      <c r="BT67" s="90"/>
      <c r="BU67" s="90"/>
      <c r="BV67" s="90"/>
      <c r="BW67" s="90"/>
      <c r="BX67" s="90"/>
      <c r="BY67" s="90"/>
      <c r="BZ67" s="9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89"/>
      <c r="BM68" s="90"/>
      <c r="BN68" s="90"/>
      <c r="BO68" s="90"/>
      <c r="BP68" s="90"/>
      <c r="BQ68" s="90"/>
      <c r="BR68" s="90"/>
      <c r="BS68" s="90"/>
      <c r="BT68" s="90"/>
      <c r="BU68" s="90"/>
      <c r="BV68" s="90"/>
      <c r="BW68" s="90"/>
      <c r="BX68" s="90"/>
      <c r="BY68" s="90"/>
      <c r="BZ68" s="9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89"/>
      <c r="BM69" s="90"/>
      <c r="BN69" s="90"/>
      <c r="BO69" s="90"/>
      <c r="BP69" s="90"/>
      <c r="BQ69" s="90"/>
      <c r="BR69" s="90"/>
      <c r="BS69" s="90"/>
      <c r="BT69" s="90"/>
      <c r="BU69" s="90"/>
      <c r="BV69" s="90"/>
      <c r="BW69" s="90"/>
      <c r="BX69" s="90"/>
      <c r="BY69" s="90"/>
      <c r="BZ69" s="9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89"/>
      <c r="BM70" s="90"/>
      <c r="BN70" s="90"/>
      <c r="BO70" s="90"/>
      <c r="BP70" s="90"/>
      <c r="BQ70" s="90"/>
      <c r="BR70" s="90"/>
      <c r="BS70" s="90"/>
      <c r="BT70" s="90"/>
      <c r="BU70" s="90"/>
      <c r="BV70" s="90"/>
      <c r="BW70" s="90"/>
      <c r="BX70" s="90"/>
      <c r="BY70" s="90"/>
      <c r="BZ70" s="9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89"/>
      <c r="BM71" s="90"/>
      <c r="BN71" s="90"/>
      <c r="BO71" s="90"/>
      <c r="BP71" s="90"/>
      <c r="BQ71" s="90"/>
      <c r="BR71" s="90"/>
      <c r="BS71" s="90"/>
      <c r="BT71" s="90"/>
      <c r="BU71" s="90"/>
      <c r="BV71" s="90"/>
      <c r="BW71" s="90"/>
      <c r="BX71" s="90"/>
      <c r="BY71" s="90"/>
      <c r="BZ71" s="9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89"/>
      <c r="BM72" s="90"/>
      <c r="BN72" s="90"/>
      <c r="BO72" s="90"/>
      <c r="BP72" s="90"/>
      <c r="BQ72" s="90"/>
      <c r="BR72" s="90"/>
      <c r="BS72" s="90"/>
      <c r="BT72" s="90"/>
      <c r="BU72" s="90"/>
      <c r="BV72" s="90"/>
      <c r="BW72" s="90"/>
      <c r="BX72" s="90"/>
      <c r="BY72" s="90"/>
      <c r="BZ72" s="9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89"/>
      <c r="BM73" s="90"/>
      <c r="BN73" s="90"/>
      <c r="BO73" s="90"/>
      <c r="BP73" s="90"/>
      <c r="BQ73" s="90"/>
      <c r="BR73" s="90"/>
      <c r="BS73" s="90"/>
      <c r="BT73" s="90"/>
      <c r="BU73" s="90"/>
      <c r="BV73" s="90"/>
      <c r="BW73" s="90"/>
      <c r="BX73" s="90"/>
      <c r="BY73" s="90"/>
      <c r="BZ73" s="9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89"/>
      <c r="BM74" s="90"/>
      <c r="BN74" s="90"/>
      <c r="BO74" s="90"/>
      <c r="BP74" s="90"/>
      <c r="BQ74" s="90"/>
      <c r="BR74" s="90"/>
      <c r="BS74" s="90"/>
      <c r="BT74" s="90"/>
      <c r="BU74" s="90"/>
      <c r="BV74" s="90"/>
      <c r="BW74" s="90"/>
      <c r="BX74" s="90"/>
      <c r="BY74" s="90"/>
      <c r="BZ74" s="9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89"/>
      <c r="BM75" s="90"/>
      <c r="BN75" s="90"/>
      <c r="BO75" s="90"/>
      <c r="BP75" s="90"/>
      <c r="BQ75" s="90"/>
      <c r="BR75" s="90"/>
      <c r="BS75" s="90"/>
      <c r="BT75" s="90"/>
      <c r="BU75" s="90"/>
      <c r="BV75" s="90"/>
      <c r="BW75" s="90"/>
      <c r="BX75" s="90"/>
      <c r="BY75" s="90"/>
      <c r="BZ75" s="9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89"/>
      <c r="BM76" s="90"/>
      <c r="BN76" s="90"/>
      <c r="BO76" s="90"/>
      <c r="BP76" s="90"/>
      <c r="BQ76" s="90"/>
      <c r="BR76" s="90"/>
      <c r="BS76" s="90"/>
      <c r="BT76" s="90"/>
      <c r="BU76" s="90"/>
      <c r="BV76" s="90"/>
      <c r="BW76" s="90"/>
      <c r="BX76" s="90"/>
      <c r="BY76" s="90"/>
      <c r="BZ76" s="9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89"/>
      <c r="BM77" s="90"/>
      <c r="BN77" s="90"/>
      <c r="BO77" s="90"/>
      <c r="BP77" s="90"/>
      <c r="BQ77" s="90"/>
      <c r="BR77" s="90"/>
      <c r="BS77" s="90"/>
      <c r="BT77" s="90"/>
      <c r="BU77" s="90"/>
      <c r="BV77" s="90"/>
      <c r="BW77" s="90"/>
      <c r="BX77" s="90"/>
      <c r="BY77" s="90"/>
      <c r="BZ77" s="9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89"/>
      <c r="BM78" s="90"/>
      <c r="BN78" s="90"/>
      <c r="BO78" s="90"/>
      <c r="BP78" s="90"/>
      <c r="BQ78" s="90"/>
      <c r="BR78" s="90"/>
      <c r="BS78" s="90"/>
      <c r="BT78" s="90"/>
      <c r="BU78" s="90"/>
      <c r="BV78" s="90"/>
      <c r="BW78" s="90"/>
      <c r="BX78" s="90"/>
      <c r="BY78" s="90"/>
      <c r="BZ78" s="9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89"/>
      <c r="BM79" s="90"/>
      <c r="BN79" s="90"/>
      <c r="BO79" s="90"/>
      <c r="BP79" s="90"/>
      <c r="BQ79" s="90"/>
      <c r="BR79" s="90"/>
      <c r="BS79" s="90"/>
      <c r="BT79" s="90"/>
      <c r="BU79" s="90"/>
      <c r="BV79" s="90"/>
      <c r="BW79" s="90"/>
      <c r="BX79" s="90"/>
      <c r="BY79" s="90"/>
      <c r="BZ79" s="9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89"/>
      <c r="BM80" s="90"/>
      <c r="BN80" s="90"/>
      <c r="BO80" s="90"/>
      <c r="BP80" s="90"/>
      <c r="BQ80" s="90"/>
      <c r="BR80" s="90"/>
      <c r="BS80" s="90"/>
      <c r="BT80" s="90"/>
      <c r="BU80" s="90"/>
      <c r="BV80" s="90"/>
      <c r="BW80" s="90"/>
      <c r="BX80" s="90"/>
      <c r="BY80" s="90"/>
      <c r="BZ80" s="9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89"/>
      <c r="BM81" s="90"/>
      <c r="BN81" s="90"/>
      <c r="BO81" s="90"/>
      <c r="BP81" s="90"/>
      <c r="BQ81" s="90"/>
      <c r="BR81" s="90"/>
      <c r="BS81" s="90"/>
      <c r="BT81" s="90"/>
      <c r="BU81" s="90"/>
      <c r="BV81" s="90"/>
      <c r="BW81" s="90"/>
      <c r="BX81" s="90"/>
      <c r="BY81" s="90"/>
      <c r="BZ81" s="9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yGL9hFgWruJGH73WbmZ2UTVrcInl2+da9aq1NflNktdxGQsMlZ1CIAw3xwbh8J3RTg94i67hjiY48XLOXWPzLQ==" saltValue="aozY/V42rB3A4s44WMh3fA=="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3634</v>
      </c>
      <c r="D6" s="34">
        <f t="shared" si="3"/>
        <v>46</v>
      </c>
      <c r="E6" s="34">
        <f t="shared" si="3"/>
        <v>1</v>
      </c>
      <c r="F6" s="34">
        <f t="shared" si="3"/>
        <v>0</v>
      </c>
      <c r="G6" s="34">
        <f t="shared" si="3"/>
        <v>1</v>
      </c>
      <c r="H6" s="34" t="str">
        <f t="shared" si="3"/>
        <v>神奈川県　松田町</v>
      </c>
      <c r="I6" s="34" t="str">
        <f t="shared" si="3"/>
        <v>法適用</v>
      </c>
      <c r="J6" s="34" t="str">
        <f t="shared" si="3"/>
        <v>水道事業</v>
      </c>
      <c r="K6" s="34" t="str">
        <f t="shared" si="3"/>
        <v>末端給水事業</v>
      </c>
      <c r="L6" s="34" t="str">
        <f t="shared" si="3"/>
        <v>A8</v>
      </c>
      <c r="M6" s="34" t="str">
        <f t="shared" si="3"/>
        <v>非設置</v>
      </c>
      <c r="N6" s="35" t="str">
        <f t="shared" si="3"/>
        <v>-</v>
      </c>
      <c r="O6" s="35">
        <f t="shared" si="3"/>
        <v>85.26</v>
      </c>
      <c r="P6" s="35">
        <f t="shared" si="3"/>
        <v>80.92</v>
      </c>
      <c r="Q6" s="35">
        <f t="shared" si="3"/>
        <v>1485</v>
      </c>
      <c r="R6" s="35">
        <f t="shared" si="3"/>
        <v>11116</v>
      </c>
      <c r="S6" s="35">
        <f t="shared" si="3"/>
        <v>37.75</v>
      </c>
      <c r="T6" s="35">
        <f t="shared" si="3"/>
        <v>294.45999999999998</v>
      </c>
      <c r="U6" s="35">
        <f t="shared" si="3"/>
        <v>8918</v>
      </c>
      <c r="V6" s="35">
        <f t="shared" si="3"/>
        <v>2.5299999999999998</v>
      </c>
      <c r="W6" s="35">
        <f t="shared" si="3"/>
        <v>3524.9</v>
      </c>
      <c r="X6" s="36">
        <f>IF(X7="",NA(),X7)</f>
        <v>115.23</v>
      </c>
      <c r="Y6" s="36">
        <f t="shared" ref="Y6:AG6" si="4">IF(Y7="",NA(),Y7)</f>
        <v>126.76</v>
      </c>
      <c r="Z6" s="36">
        <f t="shared" si="4"/>
        <v>119.02</v>
      </c>
      <c r="AA6" s="36">
        <f t="shared" si="4"/>
        <v>120.22</v>
      </c>
      <c r="AB6" s="36">
        <f t="shared" si="4"/>
        <v>110.81</v>
      </c>
      <c r="AC6" s="36">
        <f t="shared" si="4"/>
        <v>106.62</v>
      </c>
      <c r="AD6" s="36">
        <f t="shared" si="4"/>
        <v>107.95</v>
      </c>
      <c r="AE6" s="36">
        <f t="shared" si="4"/>
        <v>104.47</v>
      </c>
      <c r="AF6" s="36">
        <f t="shared" si="4"/>
        <v>103.81</v>
      </c>
      <c r="AG6" s="36">
        <f t="shared" si="4"/>
        <v>104.35</v>
      </c>
      <c r="AH6" s="35" t="str">
        <f>IF(AH7="","",IF(AH7="-","【-】","【"&amp;SUBSTITUTE(TEXT(AH7,"#,##0.00"),"-","△")&amp;"】"))</f>
        <v>【112.01】</v>
      </c>
      <c r="AI6" s="35">
        <f>IF(AI7="",NA(),AI7)</f>
        <v>0</v>
      </c>
      <c r="AJ6" s="35">
        <f t="shared" ref="AJ6:AR6" si="5">IF(AJ7="",NA(),AJ7)</f>
        <v>0</v>
      </c>
      <c r="AK6" s="35">
        <f t="shared" si="5"/>
        <v>0</v>
      </c>
      <c r="AL6" s="35">
        <f t="shared" si="5"/>
        <v>0</v>
      </c>
      <c r="AM6" s="35">
        <f t="shared" si="5"/>
        <v>0</v>
      </c>
      <c r="AN6" s="36">
        <f t="shared" si="5"/>
        <v>12.59</v>
      </c>
      <c r="AO6" s="36">
        <f t="shared" si="5"/>
        <v>12.44</v>
      </c>
      <c r="AP6" s="36">
        <f t="shared" si="5"/>
        <v>16.399999999999999</v>
      </c>
      <c r="AQ6" s="36">
        <f t="shared" si="5"/>
        <v>25.66</v>
      </c>
      <c r="AR6" s="36">
        <f t="shared" si="5"/>
        <v>21.69</v>
      </c>
      <c r="AS6" s="35" t="str">
        <f>IF(AS7="","",IF(AS7="-","【-】","【"&amp;SUBSTITUTE(TEXT(AS7,"#,##0.00"),"-","△")&amp;"】"))</f>
        <v>【1.08】</v>
      </c>
      <c r="AT6" s="36">
        <f>IF(AT7="",NA(),AT7)</f>
        <v>1002.54</v>
      </c>
      <c r="AU6" s="36">
        <f t="shared" ref="AU6:BC6" si="6">IF(AU7="",NA(),AU7)</f>
        <v>635.37</v>
      </c>
      <c r="AV6" s="36">
        <f t="shared" si="6"/>
        <v>1296.3900000000001</v>
      </c>
      <c r="AW6" s="36">
        <f t="shared" si="6"/>
        <v>1029.5999999999999</v>
      </c>
      <c r="AX6" s="36">
        <f t="shared" si="6"/>
        <v>1027.6099999999999</v>
      </c>
      <c r="AY6" s="36">
        <f t="shared" si="6"/>
        <v>416.14</v>
      </c>
      <c r="AZ6" s="36">
        <f t="shared" si="6"/>
        <v>371.89</v>
      </c>
      <c r="BA6" s="36">
        <f t="shared" si="6"/>
        <v>293.23</v>
      </c>
      <c r="BB6" s="36">
        <f t="shared" si="6"/>
        <v>300.14</v>
      </c>
      <c r="BC6" s="36">
        <f t="shared" si="6"/>
        <v>301.04000000000002</v>
      </c>
      <c r="BD6" s="35" t="str">
        <f>IF(BD7="","",IF(BD7="-","【-】","【"&amp;SUBSTITUTE(TEXT(BD7,"#,##0.00"),"-","△")&amp;"】"))</f>
        <v>【264.97】</v>
      </c>
      <c r="BE6" s="36">
        <f>IF(BE7="",NA(),BE7)</f>
        <v>136.65</v>
      </c>
      <c r="BF6" s="36">
        <f t="shared" ref="BF6:BN6" si="7">IF(BF7="",NA(),BF7)</f>
        <v>183.47</v>
      </c>
      <c r="BG6" s="36">
        <f t="shared" si="7"/>
        <v>219.89</v>
      </c>
      <c r="BH6" s="36">
        <f t="shared" si="7"/>
        <v>219.34</v>
      </c>
      <c r="BI6" s="36">
        <f t="shared" si="7"/>
        <v>215.65</v>
      </c>
      <c r="BJ6" s="36">
        <f t="shared" si="7"/>
        <v>487.22</v>
      </c>
      <c r="BK6" s="36">
        <f t="shared" si="7"/>
        <v>483.11</v>
      </c>
      <c r="BL6" s="36">
        <f t="shared" si="7"/>
        <v>542.29999999999995</v>
      </c>
      <c r="BM6" s="36">
        <f t="shared" si="7"/>
        <v>566.65</v>
      </c>
      <c r="BN6" s="36">
        <f t="shared" si="7"/>
        <v>551.62</v>
      </c>
      <c r="BO6" s="35" t="str">
        <f>IF(BO7="","",IF(BO7="-","【-】","【"&amp;SUBSTITUTE(TEXT(BO7,"#,##0.00"),"-","△")&amp;"】"))</f>
        <v>【266.61】</v>
      </c>
      <c r="BP6" s="36">
        <f>IF(BP7="",NA(),BP7)</f>
        <v>98.45</v>
      </c>
      <c r="BQ6" s="36">
        <f t="shared" ref="BQ6:BY6" si="8">IF(BQ7="",NA(),BQ7)</f>
        <v>102.86</v>
      </c>
      <c r="BR6" s="36">
        <f t="shared" si="8"/>
        <v>98.45</v>
      </c>
      <c r="BS6" s="36">
        <f t="shared" si="8"/>
        <v>99.11</v>
      </c>
      <c r="BT6" s="36">
        <f t="shared" si="8"/>
        <v>98.07</v>
      </c>
      <c r="BU6" s="36">
        <f t="shared" si="8"/>
        <v>92.76</v>
      </c>
      <c r="BV6" s="36">
        <f t="shared" si="8"/>
        <v>93.28</v>
      </c>
      <c r="BW6" s="36">
        <f t="shared" si="8"/>
        <v>87.51</v>
      </c>
      <c r="BX6" s="36">
        <f t="shared" si="8"/>
        <v>84.77</v>
      </c>
      <c r="BY6" s="36">
        <f t="shared" si="8"/>
        <v>87.11</v>
      </c>
      <c r="BZ6" s="35" t="str">
        <f>IF(BZ7="","",IF(BZ7="-","【-】","【"&amp;SUBSTITUTE(TEXT(BZ7,"#,##0.00"),"-","△")&amp;"】"))</f>
        <v>【103.24】</v>
      </c>
      <c r="CA6" s="36">
        <f>IF(CA7="",NA(),CA7)</f>
        <v>85.27</v>
      </c>
      <c r="CB6" s="36">
        <f t="shared" ref="CB6:CJ6" si="9">IF(CB7="",NA(),CB7)</f>
        <v>81.8</v>
      </c>
      <c r="CC6" s="36">
        <f t="shared" si="9"/>
        <v>85.64</v>
      </c>
      <c r="CD6" s="36">
        <f t="shared" si="9"/>
        <v>85.81</v>
      </c>
      <c r="CE6" s="36">
        <f t="shared" si="9"/>
        <v>86.79</v>
      </c>
      <c r="CF6" s="36">
        <f t="shared" si="9"/>
        <v>208.67</v>
      </c>
      <c r="CG6" s="36">
        <f t="shared" si="9"/>
        <v>208.29</v>
      </c>
      <c r="CH6" s="36">
        <f t="shared" si="9"/>
        <v>218.42</v>
      </c>
      <c r="CI6" s="36">
        <f t="shared" si="9"/>
        <v>227.27</v>
      </c>
      <c r="CJ6" s="36">
        <f t="shared" si="9"/>
        <v>223.98</v>
      </c>
      <c r="CK6" s="35" t="str">
        <f>IF(CK7="","",IF(CK7="-","【-】","【"&amp;SUBSTITUTE(TEXT(CK7,"#,##0.00"),"-","△")&amp;"】"))</f>
        <v>【168.38】</v>
      </c>
      <c r="CL6" s="36">
        <f>IF(CL7="",NA(),CL7)</f>
        <v>44.61</v>
      </c>
      <c r="CM6" s="36">
        <f t="shared" ref="CM6:CU6" si="10">IF(CM7="",NA(),CM7)</f>
        <v>44.54</v>
      </c>
      <c r="CN6" s="36">
        <f t="shared" si="10"/>
        <v>44.35</v>
      </c>
      <c r="CO6" s="36">
        <f t="shared" si="10"/>
        <v>44.24</v>
      </c>
      <c r="CP6" s="36">
        <f t="shared" si="10"/>
        <v>43.41</v>
      </c>
      <c r="CQ6" s="36">
        <f t="shared" si="10"/>
        <v>49.08</v>
      </c>
      <c r="CR6" s="36">
        <f t="shared" si="10"/>
        <v>49.32</v>
      </c>
      <c r="CS6" s="36">
        <f t="shared" si="10"/>
        <v>50.24</v>
      </c>
      <c r="CT6" s="36">
        <f t="shared" si="10"/>
        <v>50.29</v>
      </c>
      <c r="CU6" s="36">
        <f t="shared" si="10"/>
        <v>49.64</v>
      </c>
      <c r="CV6" s="35" t="str">
        <f>IF(CV7="","",IF(CV7="-","【-】","【"&amp;SUBSTITUTE(TEXT(CV7,"#,##0.00"),"-","△")&amp;"】"))</f>
        <v>【60.00】</v>
      </c>
      <c r="CW6" s="36">
        <f>IF(CW7="",NA(),CW7)</f>
        <v>90</v>
      </c>
      <c r="CX6" s="36">
        <f t="shared" ref="CX6:DF6" si="11">IF(CX7="",NA(),CX7)</f>
        <v>89.34</v>
      </c>
      <c r="CY6" s="36">
        <f t="shared" si="11"/>
        <v>89.34</v>
      </c>
      <c r="CZ6" s="36">
        <f t="shared" si="11"/>
        <v>89.34</v>
      </c>
      <c r="DA6" s="36">
        <f t="shared" si="11"/>
        <v>89.34</v>
      </c>
      <c r="DB6" s="36">
        <f t="shared" si="11"/>
        <v>79.3</v>
      </c>
      <c r="DC6" s="36">
        <f t="shared" si="11"/>
        <v>79.34</v>
      </c>
      <c r="DD6" s="36">
        <f t="shared" si="11"/>
        <v>78.650000000000006</v>
      </c>
      <c r="DE6" s="36">
        <f t="shared" si="11"/>
        <v>77.73</v>
      </c>
      <c r="DF6" s="36">
        <f t="shared" si="11"/>
        <v>78.09</v>
      </c>
      <c r="DG6" s="35" t="str">
        <f>IF(DG7="","",IF(DG7="-","【-】","【"&amp;SUBSTITUTE(TEXT(DG7,"#,##0.00"),"-","△")&amp;"】"))</f>
        <v>【89.80】</v>
      </c>
      <c r="DH6" s="36">
        <f>IF(DH7="",NA(),DH7)</f>
        <v>51.25</v>
      </c>
      <c r="DI6" s="36">
        <f t="shared" ref="DI6:DQ6" si="12">IF(DI7="",NA(),DI7)</f>
        <v>52.49</v>
      </c>
      <c r="DJ6" s="36">
        <f t="shared" si="12"/>
        <v>4.75</v>
      </c>
      <c r="DK6" s="36">
        <f t="shared" si="12"/>
        <v>54.33</v>
      </c>
      <c r="DL6" s="36">
        <f t="shared" si="12"/>
        <v>55.05</v>
      </c>
      <c r="DM6" s="36">
        <f t="shared" si="12"/>
        <v>47.44</v>
      </c>
      <c r="DN6" s="36">
        <f t="shared" si="12"/>
        <v>48.3</v>
      </c>
      <c r="DO6" s="36">
        <f t="shared" si="12"/>
        <v>45.14</v>
      </c>
      <c r="DP6" s="36">
        <f t="shared" si="12"/>
        <v>45.85</v>
      </c>
      <c r="DQ6" s="36">
        <f t="shared" si="12"/>
        <v>47.31</v>
      </c>
      <c r="DR6" s="35" t="str">
        <f>IF(DR7="","",IF(DR7="-","【-】","【"&amp;SUBSTITUTE(TEXT(DR7,"#,##0.00"),"-","△")&amp;"】"))</f>
        <v>【49.59】</v>
      </c>
      <c r="DS6" s="35">
        <f>IF(DS7="",NA(),DS7)</f>
        <v>0</v>
      </c>
      <c r="DT6" s="35">
        <f t="shared" ref="DT6:EB6" si="13">IF(DT7="",NA(),DT7)</f>
        <v>0</v>
      </c>
      <c r="DU6" s="35">
        <f t="shared" si="13"/>
        <v>0</v>
      </c>
      <c r="DV6" s="35">
        <f t="shared" si="13"/>
        <v>0</v>
      </c>
      <c r="DW6" s="35">
        <f t="shared" si="13"/>
        <v>0</v>
      </c>
      <c r="DX6" s="36">
        <f t="shared" si="13"/>
        <v>11.16</v>
      </c>
      <c r="DY6" s="36">
        <f t="shared" si="13"/>
        <v>12.43</v>
      </c>
      <c r="DZ6" s="36">
        <f t="shared" si="13"/>
        <v>13.58</v>
      </c>
      <c r="EA6" s="36">
        <f t="shared" si="13"/>
        <v>14.13</v>
      </c>
      <c r="EB6" s="36">
        <f t="shared" si="13"/>
        <v>16.77</v>
      </c>
      <c r="EC6" s="35" t="str">
        <f>IF(EC7="","",IF(EC7="-","【-】","【"&amp;SUBSTITUTE(TEXT(EC7,"#,##0.00"),"-","△")&amp;"】"))</f>
        <v>【19.44】</v>
      </c>
      <c r="ED6" s="36">
        <f>IF(ED7="",NA(),ED7)</f>
        <v>0.18</v>
      </c>
      <c r="EE6" s="36">
        <f t="shared" ref="EE6:EM6" si="14">IF(EE7="",NA(),EE7)</f>
        <v>0.32</v>
      </c>
      <c r="EF6" s="36">
        <f t="shared" si="14"/>
        <v>0.36</v>
      </c>
      <c r="EG6" s="36">
        <f t="shared" si="14"/>
        <v>0.27</v>
      </c>
      <c r="EH6" s="36">
        <f t="shared" si="14"/>
        <v>0.11</v>
      </c>
      <c r="EI6" s="36">
        <f t="shared" si="14"/>
        <v>0.65</v>
      </c>
      <c r="EJ6" s="36">
        <f t="shared" si="14"/>
        <v>0.46</v>
      </c>
      <c r="EK6" s="36">
        <f t="shared" si="14"/>
        <v>0.44</v>
      </c>
      <c r="EL6" s="36">
        <f t="shared" si="14"/>
        <v>0.52</v>
      </c>
      <c r="EM6" s="36">
        <f t="shared" si="14"/>
        <v>0.47</v>
      </c>
      <c r="EN6" s="35" t="str">
        <f>IF(EN7="","",IF(EN7="-","【-】","【"&amp;SUBSTITUTE(TEXT(EN7,"#,##0.00"),"-","△")&amp;"】"))</f>
        <v>【0.68】</v>
      </c>
    </row>
    <row r="7" spans="1:144" s="37" customFormat="1" x14ac:dyDescent="0.2">
      <c r="A7" s="29"/>
      <c r="B7" s="38">
        <v>2019</v>
      </c>
      <c r="C7" s="38">
        <v>143634</v>
      </c>
      <c r="D7" s="38">
        <v>46</v>
      </c>
      <c r="E7" s="38">
        <v>1</v>
      </c>
      <c r="F7" s="38">
        <v>0</v>
      </c>
      <c r="G7" s="38">
        <v>1</v>
      </c>
      <c r="H7" s="38" t="s">
        <v>93</v>
      </c>
      <c r="I7" s="38" t="s">
        <v>94</v>
      </c>
      <c r="J7" s="38" t="s">
        <v>95</v>
      </c>
      <c r="K7" s="38" t="s">
        <v>96</v>
      </c>
      <c r="L7" s="38" t="s">
        <v>97</v>
      </c>
      <c r="M7" s="38" t="s">
        <v>98</v>
      </c>
      <c r="N7" s="39" t="s">
        <v>99</v>
      </c>
      <c r="O7" s="39">
        <v>85.26</v>
      </c>
      <c r="P7" s="39">
        <v>80.92</v>
      </c>
      <c r="Q7" s="39">
        <v>1485</v>
      </c>
      <c r="R7" s="39">
        <v>11116</v>
      </c>
      <c r="S7" s="39">
        <v>37.75</v>
      </c>
      <c r="T7" s="39">
        <v>294.45999999999998</v>
      </c>
      <c r="U7" s="39">
        <v>8918</v>
      </c>
      <c r="V7" s="39">
        <v>2.5299999999999998</v>
      </c>
      <c r="W7" s="39">
        <v>3524.9</v>
      </c>
      <c r="X7" s="39">
        <v>115.23</v>
      </c>
      <c r="Y7" s="39">
        <v>126.76</v>
      </c>
      <c r="Z7" s="39">
        <v>119.02</v>
      </c>
      <c r="AA7" s="39">
        <v>120.22</v>
      </c>
      <c r="AB7" s="39">
        <v>110.81</v>
      </c>
      <c r="AC7" s="39">
        <v>106.62</v>
      </c>
      <c r="AD7" s="39">
        <v>107.95</v>
      </c>
      <c r="AE7" s="39">
        <v>104.47</v>
      </c>
      <c r="AF7" s="39">
        <v>103.81</v>
      </c>
      <c r="AG7" s="39">
        <v>104.35</v>
      </c>
      <c r="AH7" s="39">
        <v>112.01</v>
      </c>
      <c r="AI7" s="39">
        <v>0</v>
      </c>
      <c r="AJ7" s="39">
        <v>0</v>
      </c>
      <c r="AK7" s="39">
        <v>0</v>
      </c>
      <c r="AL7" s="39">
        <v>0</v>
      </c>
      <c r="AM7" s="39">
        <v>0</v>
      </c>
      <c r="AN7" s="39">
        <v>12.59</v>
      </c>
      <c r="AO7" s="39">
        <v>12.44</v>
      </c>
      <c r="AP7" s="39">
        <v>16.399999999999999</v>
      </c>
      <c r="AQ7" s="39">
        <v>25.66</v>
      </c>
      <c r="AR7" s="39">
        <v>21.69</v>
      </c>
      <c r="AS7" s="39">
        <v>1.08</v>
      </c>
      <c r="AT7" s="39">
        <v>1002.54</v>
      </c>
      <c r="AU7" s="39">
        <v>635.37</v>
      </c>
      <c r="AV7" s="39">
        <v>1296.3900000000001</v>
      </c>
      <c r="AW7" s="39">
        <v>1029.5999999999999</v>
      </c>
      <c r="AX7" s="39">
        <v>1027.6099999999999</v>
      </c>
      <c r="AY7" s="39">
        <v>416.14</v>
      </c>
      <c r="AZ7" s="39">
        <v>371.89</v>
      </c>
      <c r="BA7" s="39">
        <v>293.23</v>
      </c>
      <c r="BB7" s="39">
        <v>300.14</v>
      </c>
      <c r="BC7" s="39">
        <v>301.04000000000002</v>
      </c>
      <c r="BD7" s="39">
        <v>264.97000000000003</v>
      </c>
      <c r="BE7" s="39">
        <v>136.65</v>
      </c>
      <c r="BF7" s="39">
        <v>183.47</v>
      </c>
      <c r="BG7" s="39">
        <v>219.89</v>
      </c>
      <c r="BH7" s="39">
        <v>219.34</v>
      </c>
      <c r="BI7" s="39">
        <v>215.65</v>
      </c>
      <c r="BJ7" s="39">
        <v>487.22</v>
      </c>
      <c r="BK7" s="39">
        <v>483.11</v>
      </c>
      <c r="BL7" s="39">
        <v>542.29999999999995</v>
      </c>
      <c r="BM7" s="39">
        <v>566.65</v>
      </c>
      <c r="BN7" s="39">
        <v>551.62</v>
      </c>
      <c r="BO7" s="39">
        <v>266.61</v>
      </c>
      <c r="BP7" s="39">
        <v>98.45</v>
      </c>
      <c r="BQ7" s="39">
        <v>102.86</v>
      </c>
      <c r="BR7" s="39">
        <v>98.45</v>
      </c>
      <c r="BS7" s="39">
        <v>99.11</v>
      </c>
      <c r="BT7" s="39">
        <v>98.07</v>
      </c>
      <c r="BU7" s="39">
        <v>92.76</v>
      </c>
      <c r="BV7" s="39">
        <v>93.28</v>
      </c>
      <c r="BW7" s="39">
        <v>87.51</v>
      </c>
      <c r="BX7" s="39">
        <v>84.77</v>
      </c>
      <c r="BY7" s="39">
        <v>87.11</v>
      </c>
      <c r="BZ7" s="39">
        <v>103.24</v>
      </c>
      <c r="CA7" s="39">
        <v>85.27</v>
      </c>
      <c r="CB7" s="39">
        <v>81.8</v>
      </c>
      <c r="CC7" s="39">
        <v>85.64</v>
      </c>
      <c r="CD7" s="39">
        <v>85.81</v>
      </c>
      <c r="CE7" s="39">
        <v>86.79</v>
      </c>
      <c r="CF7" s="39">
        <v>208.67</v>
      </c>
      <c r="CG7" s="39">
        <v>208.29</v>
      </c>
      <c r="CH7" s="39">
        <v>218.42</v>
      </c>
      <c r="CI7" s="39">
        <v>227.27</v>
      </c>
      <c r="CJ7" s="39">
        <v>223.98</v>
      </c>
      <c r="CK7" s="39">
        <v>168.38</v>
      </c>
      <c r="CL7" s="39">
        <v>44.61</v>
      </c>
      <c r="CM7" s="39">
        <v>44.54</v>
      </c>
      <c r="CN7" s="39">
        <v>44.35</v>
      </c>
      <c r="CO7" s="39">
        <v>44.24</v>
      </c>
      <c r="CP7" s="39">
        <v>43.41</v>
      </c>
      <c r="CQ7" s="39">
        <v>49.08</v>
      </c>
      <c r="CR7" s="39">
        <v>49.32</v>
      </c>
      <c r="CS7" s="39">
        <v>50.24</v>
      </c>
      <c r="CT7" s="39">
        <v>50.29</v>
      </c>
      <c r="CU7" s="39">
        <v>49.64</v>
      </c>
      <c r="CV7" s="39">
        <v>60</v>
      </c>
      <c r="CW7" s="39">
        <v>90</v>
      </c>
      <c r="CX7" s="39">
        <v>89.34</v>
      </c>
      <c r="CY7" s="39">
        <v>89.34</v>
      </c>
      <c r="CZ7" s="39">
        <v>89.34</v>
      </c>
      <c r="DA7" s="39">
        <v>89.34</v>
      </c>
      <c r="DB7" s="39">
        <v>79.3</v>
      </c>
      <c r="DC7" s="39">
        <v>79.34</v>
      </c>
      <c r="DD7" s="39">
        <v>78.650000000000006</v>
      </c>
      <c r="DE7" s="39">
        <v>77.73</v>
      </c>
      <c r="DF7" s="39">
        <v>78.09</v>
      </c>
      <c r="DG7" s="39">
        <v>89.8</v>
      </c>
      <c r="DH7" s="39">
        <v>51.25</v>
      </c>
      <c r="DI7" s="39">
        <v>52.49</v>
      </c>
      <c r="DJ7" s="39">
        <v>4.75</v>
      </c>
      <c r="DK7" s="39">
        <v>54.33</v>
      </c>
      <c r="DL7" s="39">
        <v>55.05</v>
      </c>
      <c r="DM7" s="39">
        <v>47.44</v>
      </c>
      <c r="DN7" s="39">
        <v>48.3</v>
      </c>
      <c r="DO7" s="39">
        <v>45.14</v>
      </c>
      <c r="DP7" s="39">
        <v>45.85</v>
      </c>
      <c r="DQ7" s="39">
        <v>47.31</v>
      </c>
      <c r="DR7" s="39">
        <v>49.59</v>
      </c>
      <c r="DS7" s="39">
        <v>0</v>
      </c>
      <c r="DT7" s="39">
        <v>0</v>
      </c>
      <c r="DU7" s="39">
        <v>0</v>
      </c>
      <c r="DV7" s="39">
        <v>0</v>
      </c>
      <c r="DW7" s="39">
        <v>0</v>
      </c>
      <c r="DX7" s="39">
        <v>11.16</v>
      </c>
      <c r="DY7" s="39">
        <v>12.43</v>
      </c>
      <c r="DZ7" s="39">
        <v>13.58</v>
      </c>
      <c r="EA7" s="39">
        <v>14.13</v>
      </c>
      <c r="EB7" s="39">
        <v>16.77</v>
      </c>
      <c r="EC7" s="39">
        <v>19.440000000000001</v>
      </c>
      <c r="ED7" s="39">
        <v>0.18</v>
      </c>
      <c r="EE7" s="39">
        <v>0.32</v>
      </c>
      <c r="EF7" s="39">
        <v>0.36</v>
      </c>
      <c r="EG7" s="39">
        <v>0.27</v>
      </c>
      <c r="EH7" s="39">
        <v>0.11</v>
      </c>
      <c r="EI7" s="39">
        <v>0.65</v>
      </c>
      <c r="EJ7" s="39">
        <v>0.46</v>
      </c>
      <c r="EK7" s="39">
        <v>0.44</v>
      </c>
      <c r="EL7" s="39">
        <v>0.52</v>
      </c>
      <c r="EM7" s="39">
        <v>0.47</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7</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25:49Z</cp:lastPrinted>
  <dcterms:created xsi:type="dcterms:W3CDTF">2020-12-04T02:07:00Z</dcterms:created>
  <dcterms:modified xsi:type="dcterms:W3CDTF">2021-02-24T08:25:52Z</dcterms:modified>
  <cp:category/>
</cp:coreProperties>
</file>